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Z:\03経営企画\【公会計（新公会計制度）】\13平成29年度決算作業\全体・連結財務書類\"/>
    </mc:Choice>
  </mc:AlternateContent>
  <bookViews>
    <workbookView xWindow="0" yWindow="0" windowWidth="20490" windowHeight="7635" firstSheet="1" activeTab="1"/>
  </bookViews>
  <sheets>
    <sheet name="精算表ワークシート（貸借対照表）" sheetId="1" r:id="rId1"/>
    <sheet name="精算表ワークシート（行政コスト計算書）" sheetId="2" r:id="rId2"/>
    <sheet name="精算表ワークシート（純資産変動計算書）" sheetId="3" r:id="rId3"/>
    <sheet name="精算表ワークシート（資金収支計算書）" sheetId="4" r:id="rId4"/>
  </sheets>
  <externalReferences>
    <externalReference r:id="rId5"/>
    <externalReference r:id="rId6"/>
  </externalReferences>
  <definedNames>
    <definedName name="CSV">#REF!</definedName>
    <definedName name="CSVDATA">#REF!</definedName>
    <definedName name="カテゴリ一覧">[2]カテゴリ!$M$6:$M$16</definedName>
    <definedName name="フォーム共通定義_「画面ＩＤ」入力セルの位置_行">#REF!</definedName>
    <definedName name="フォーム共通定義_「画面ＩＤ」入力セルの位置_列">#REF!</definedName>
    <definedName name="画面イベント定義_「画面ＩＤ」入力セルの位置_行">#REF!</definedName>
    <definedName name="画面イベント定義_「画面ＩＤ」入力セルの位置_列">#REF!</definedName>
    <definedName name="論理データ型一覧">[2]論理データ型!$A$3:$A$4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42" uniqueCount="199">
  <si>
    <t>連結貸借対照表内訳表</t>
  </si>
  <si>
    <t>科目</t>
  </si>
  <si>
    <t>一般会計等財務書類</t>
  </si>
  <si>
    <t>全体財務書類</t>
  </si>
  <si>
    <t>連結財務書類</t>
  </si>
  <si>
    <t>総計
（単純合算）</t>
  </si>
  <si>
    <t>相殺消去</t>
  </si>
  <si>
    <t>純計</t>
  </si>
  <si>
    <t>地方公営事業会計</t>
  </si>
  <si>
    <t>連結修正等</t>
  </si>
  <si>
    <t>資産合計</t>
  </si>
  <si>
    <t>固定資産</t>
  </si>
  <si>
    <t>有形固定資産</t>
  </si>
  <si>
    <t>事業用資産</t>
  </si>
  <si>
    <t>土地</t>
  </si>
  <si>
    <t>-</t>
  </si>
  <si>
    <t>土地減損損失累計額</t>
  </si>
  <si>
    <t>立木竹</t>
  </si>
  <si>
    <t>立木竹減損損失累計額</t>
  </si>
  <si>
    <t>建物</t>
  </si>
  <si>
    <t>建物減価償却累計額</t>
  </si>
  <si>
    <t>建物減損損失累計額</t>
  </si>
  <si>
    <t>工作物</t>
  </si>
  <si>
    <t>工作物減価償却累計額</t>
  </si>
  <si>
    <t>工作物減損損失累計額</t>
  </si>
  <si>
    <t>船舶</t>
  </si>
  <si>
    <t>船舶減価償却累計額</t>
  </si>
  <si>
    <t>船舶減損損失累計額</t>
  </si>
  <si>
    <t>浮標等</t>
  </si>
  <si>
    <t>浮標等減価償却累計額</t>
  </si>
  <si>
    <t>浮標等減損損失累計額</t>
  </si>
  <si>
    <t>航空機</t>
  </si>
  <si>
    <t>航空機減価償却累計額</t>
  </si>
  <si>
    <t>航空機減損損失累計額</t>
  </si>
  <si>
    <t>その他</t>
  </si>
  <si>
    <t>その他減価償却累計額</t>
  </si>
  <si>
    <t>その他減損損失累計額</t>
  </si>
  <si>
    <t>建設仮勘定</t>
  </si>
  <si>
    <t>インフラ資産</t>
  </si>
  <si>
    <t>建物仮勘定</t>
  </si>
  <si>
    <t>物品</t>
  </si>
  <si>
    <t>物品減価償却累計額</t>
  </si>
  <si>
    <t>物品減損損失累計額</t>
  </si>
  <si>
    <t>無形固定資産</t>
  </si>
  <si>
    <t>ソフトウェア</t>
  </si>
  <si>
    <t>投資その他の資産</t>
  </si>
  <si>
    <t>投資及び出資金</t>
  </si>
  <si>
    <t>有価証券</t>
  </si>
  <si>
    <t>出資金</t>
  </si>
  <si>
    <t>投資損失引当金</t>
  </si>
  <si>
    <t>長期延滞債権</t>
  </si>
  <si>
    <t>長期貸付金</t>
  </si>
  <si>
    <t>基金</t>
  </si>
  <si>
    <t>　</t>
  </si>
  <si>
    <t>減債基金</t>
  </si>
  <si>
    <t>徴収不能引当金</t>
  </si>
  <si>
    <t>流動資産</t>
  </si>
  <si>
    <t>現金預金</t>
  </si>
  <si>
    <t>未収金</t>
  </si>
  <si>
    <t>短期貸付金</t>
  </si>
  <si>
    <t>財政調整基金</t>
  </si>
  <si>
    <t>棚卸資産</t>
  </si>
  <si>
    <t>繰延資産</t>
  </si>
  <si>
    <t>負債・純資産合計</t>
  </si>
  <si>
    <t>負債合計</t>
  </si>
  <si>
    <t>固定負債</t>
  </si>
  <si>
    <t>地方債等</t>
  </si>
  <si>
    <t>長期未払金</t>
  </si>
  <si>
    <t>退職手当引当金</t>
  </si>
  <si>
    <t>損失補償等引当金</t>
  </si>
  <si>
    <t>流動負債</t>
  </si>
  <si>
    <t>１年内償還予定地方債等</t>
  </si>
  <si>
    <t>未払金</t>
  </si>
  <si>
    <t>未払費用</t>
  </si>
  <si>
    <t>前受金</t>
  </si>
  <si>
    <t>前受収益</t>
  </si>
  <si>
    <t>賞与等引当金</t>
  </si>
  <si>
    <t>預り金</t>
  </si>
  <si>
    <t>純資産合計</t>
  </si>
  <si>
    <t>固定資産等形成分</t>
  </si>
  <si>
    <t>余剰分（不足分）</t>
  </si>
  <si>
    <t>他団体出資等分</t>
  </si>
  <si>
    <t>連結行政コスト計算書内訳表</t>
  </si>
  <si>
    <t>純経常行政コスト</t>
  </si>
  <si>
    <t>経常費用</t>
  </si>
  <si>
    <t>業務費用</t>
  </si>
  <si>
    <t>人件費</t>
  </si>
  <si>
    <t>職員給与費</t>
  </si>
  <si>
    <t>賞与等引当金繰入額</t>
  </si>
  <si>
    <t>退職手当引当金繰入額</t>
  </si>
  <si>
    <t>物件費等</t>
  </si>
  <si>
    <t>物件費</t>
  </si>
  <si>
    <t>維持補修費</t>
  </si>
  <si>
    <t>減価償却費</t>
  </si>
  <si>
    <t>その他の業務費用</t>
  </si>
  <si>
    <t>支払利息</t>
  </si>
  <si>
    <t>徴収不能引当金繰入額</t>
  </si>
  <si>
    <t>移転費用</t>
  </si>
  <si>
    <t>補助金等</t>
  </si>
  <si>
    <t>社会保障給付</t>
  </si>
  <si>
    <t>他会計への繰出金</t>
  </si>
  <si>
    <t>経常収益</t>
  </si>
  <si>
    <t>使用料及び手数料</t>
  </si>
  <si>
    <t>純行政コスト</t>
  </si>
  <si>
    <t>臨時損失</t>
  </si>
  <si>
    <t>災害復旧事業費</t>
  </si>
  <si>
    <t>資産除売却損</t>
  </si>
  <si>
    <t>投資損失引当金繰入額</t>
  </si>
  <si>
    <t>損失補償等引当金繰入額</t>
  </si>
  <si>
    <t>臨時利益</t>
  </si>
  <si>
    <t>資産売却益</t>
  </si>
  <si>
    <t>連結純資産変動計算書内訳表</t>
  </si>
  <si>
    <t>前年度末純資産残高</t>
  </si>
  <si>
    <t>純行政コスト（△）</t>
  </si>
  <si>
    <t>財源</t>
  </si>
  <si>
    <t>税収等</t>
  </si>
  <si>
    <t>国県等補助金</t>
  </si>
  <si>
    <t>本年度差額</t>
  </si>
  <si>
    <t>固定資産の変動（内部変動）</t>
  </si>
  <si>
    <t>有形固定資産等の増加</t>
  </si>
  <si>
    <t>有形固定資産等の減少</t>
  </si>
  <si>
    <t>貸付金・基金等の増加</t>
  </si>
  <si>
    <t>貸付金・基金等の減少</t>
  </si>
  <si>
    <t>資産評価差額</t>
  </si>
  <si>
    <t>無償所管換等</t>
  </si>
  <si>
    <t>他団体出資等分の増加</t>
  </si>
  <si>
    <t>他団体出資等分の減少</t>
  </si>
  <si>
    <t>比例連結割合変更に伴う差額</t>
  </si>
  <si>
    <t>本年度純資産変動額</t>
  </si>
  <si>
    <t>本年度末純資産残高</t>
  </si>
  <si>
    <t>連結資金収支計算書内訳表</t>
  </si>
  <si>
    <t>業務活動収支</t>
  </si>
  <si>
    <t>業務支出</t>
  </si>
  <si>
    <t>業務費用支出</t>
  </si>
  <si>
    <t>人件費支出</t>
  </si>
  <si>
    <t>物件費等支出</t>
  </si>
  <si>
    <t>支払利息支出</t>
  </si>
  <si>
    <t>その他の支出</t>
  </si>
  <si>
    <t>移転費用支出</t>
  </si>
  <si>
    <t>補助金等支出</t>
  </si>
  <si>
    <t>社会保障給付支出</t>
  </si>
  <si>
    <t>他会計への繰出支出</t>
  </si>
  <si>
    <t>業務収入</t>
  </si>
  <si>
    <t>税収等収入</t>
  </si>
  <si>
    <t>国県等補助金収入</t>
  </si>
  <si>
    <t>使用料及び手数料収入</t>
  </si>
  <si>
    <t>その他の収入</t>
  </si>
  <si>
    <t>臨時支出</t>
  </si>
  <si>
    <t>災害復旧事業費支出</t>
  </si>
  <si>
    <t>臨時収入</t>
  </si>
  <si>
    <t>投資活動収支</t>
  </si>
  <si>
    <t>投資活動支出</t>
  </si>
  <si>
    <t>公共施設等整備費支出</t>
  </si>
  <si>
    <t>基金積立金支出</t>
  </si>
  <si>
    <t>投資及び出資金支出</t>
  </si>
  <si>
    <t>貸付金支出</t>
  </si>
  <si>
    <t>投資活動収入</t>
  </si>
  <si>
    <t>基金取崩収入</t>
  </si>
  <si>
    <t>貸付金元金回収収入</t>
  </si>
  <si>
    <t>資産売却収入</t>
  </si>
  <si>
    <t>財務活動収支</t>
  </si>
  <si>
    <t>財務活動支出</t>
  </si>
  <si>
    <t>地方債等償還支出</t>
  </si>
  <si>
    <t>財務活動収入</t>
  </si>
  <si>
    <t>地方債等発行収入</t>
  </si>
  <si>
    <t>本年度資金収支額</t>
  </si>
  <si>
    <t>前年度末資金残高</t>
  </si>
  <si>
    <t>本年度末資金残高</t>
  </si>
  <si>
    <t>前年度末歳計外現金残高</t>
  </si>
  <si>
    <t>本年度歳計外現金増減額</t>
  </si>
  <si>
    <t>本年度末歳計外現金残高</t>
  </si>
  <si>
    <t>本年度末現金預金残高</t>
  </si>
  <si>
    <t>一般会計</t>
  </si>
  <si>
    <t>中小企業勤労者福祉共済事業特別会計</t>
  </si>
  <si>
    <t>公営企業会計</t>
  </si>
  <si>
    <t>病院事業会計</t>
  </si>
  <si>
    <t>水道事業会計</t>
  </si>
  <si>
    <t>工業用水道事業会計</t>
  </si>
  <si>
    <t>下水道事業会計</t>
  </si>
  <si>
    <t>交通事業会計</t>
  </si>
  <si>
    <t>モーターボート競走事業会計</t>
  </si>
  <si>
    <t>国民健康保険事業特別会計</t>
  </si>
  <si>
    <t>後期高齢者医療事業特別会計</t>
  </si>
  <si>
    <t>介護保険事業特別会計</t>
  </si>
  <si>
    <t>農業共済事業特別会計</t>
  </si>
  <si>
    <t>一部事務組合・広域連合</t>
  </si>
  <si>
    <t>豊中市伊丹市クリーンランド</t>
  </si>
  <si>
    <t>兵庫県後期高齢者医療広域連合</t>
  </si>
  <si>
    <t>丹波少年自然の家</t>
  </si>
  <si>
    <t>公益財団法人　いたみ文化・スポーツ財団</t>
  </si>
  <si>
    <t>公益財団法人　柿衞文庫</t>
  </si>
  <si>
    <t>伊丹都市開発　株式会社</t>
  </si>
  <si>
    <t>小計</t>
  </si>
  <si>
    <t>（単位：千円）</t>
  </si>
  <si>
    <t>（単位：千円）</t>
    <phoneticPr fontId="2"/>
  </si>
  <si>
    <t>（単位：千円）</t>
    <phoneticPr fontId="2"/>
  </si>
  <si>
    <t>-</t>
    <phoneticPr fontId="2"/>
  </si>
  <si>
    <t>（単位：千円）</t>
    <phoneticPr fontId="2"/>
  </si>
  <si>
    <t>-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△ &quot;#,##0"/>
  </numFmts>
  <fonts count="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2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double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double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double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/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 diagonalUp="1">
      <left style="double">
        <color indexed="64"/>
      </left>
      <right style="hair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 diagonalUp="1"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 diagonalUp="1"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 diagonalUp="1">
      <left style="thin">
        <color indexed="64"/>
      </left>
      <right style="double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 diagonalUp="1"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 style="thin">
        <color indexed="64"/>
      </diagonal>
    </border>
    <border diagonalUp="1"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 style="thin">
        <color indexed="64"/>
      </diagonal>
    </border>
    <border diagonalUp="1"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  <border diagonalUp="1"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double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double">
        <color indexed="64"/>
      </right>
      <top style="hair">
        <color indexed="64"/>
      </top>
      <bottom style="medium">
        <color indexed="64"/>
      </bottom>
      <diagonal style="thin">
        <color indexed="64"/>
      </diagonal>
    </border>
    <border diagonalUp="1">
      <left style="double">
        <color indexed="64"/>
      </left>
      <right style="hair">
        <color indexed="64"/>
      </right>
      <top style="hair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</borders>
  <cellStyleXfs count="11">
    <xf numFmtId="0" fontId="0" fillId="0" borderId="0">
      <alignment vertical="center"/>
    </xf>
    <xf numFmtId="0" fontId="1" fillId="0" borderId="0"/>
    <xf numFmtId="0" fontId="3" fillId="0" borderId="0">
      <alignment vertical="center"/>
    </xf>
    <xf numFmtId="0" fontId="1" fillId="0" borderId="0"/>
    <xf numFmtId="0" fontId="3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0" fontId="1" fillId="0" borderId="0"/>
    <xf numFmtId="0" fontId="1" fillId="0" borderId="0"/>
    <xf numFmtId="0" fontId="3" fillId="0" borderId="0">
      <alignment vertical="center"/>
    </xf>
    <xf numFmtId="0" fontId="3" fillId="0" borderId="0">
      <alignment vertical="center"/>
    </xf>
  </cellStyleXfs>
  <cellXfs count="173">
    <xf numFmtId="0" fontId="0" fillId="0" borderId="0" xfId="0">
      <alignment vertical="center"/>
    </xf>
    <xf numFmtId="0" fontId="1" fillId="0" borderId="0" xfId="1" applyFont="1" applyFill="1"/>
    <xf numFmtId="0" fontId="1" fillId="0" borderId="0" xfId="1" applyFont="1" applyFill="1" applyBorder="1"/>
    <xf numFmtId="0" fontId="1" fillId="0" borderId="0" xfId="1" applyFont="1" applyFill="1" applyAlignment="1">
      <alignment horizontal="right" vertical="center"/>
    </xf>
    <xf numFmtId="0" fontId="1" fillId="0" borderId="1" xfId="1" applyFont="1" applyFill="1" applyBorder="1" applyAlignment="1">
      <alignment horizontal="center" vertical="center"/>
    </xf>
    <xf numFmtId="0" fontId="1" fillId="0" borderId="2" xfId="1" applyFont="1" applyFill="1" applyBorder="1" applyAlignment="1">
      <alignment horizontal="center" vertical="center"/>
    </xf>
    <xf numFmtId="0" fontId="1" fillId="0" borderId="2" xfId="1" applyFont="1" applyFill="1" applyBorder="1" applyAlignment="1">
      <alignment horizontal="center" vertical="center"/>
    </xf>
    <xf numFmtId="0" fontId="1" fillId="0" borderId="3" xfId="1" applyFont="1" applyFill="1" applyBorder="1" applyAlignment="1">
      <alignment horizontal="center"/>
    </xf>
    <xf numFmtId="0" fontId="1" fillId="0" borderId="4" xfId="1" applyFont="1" applyFill="1" applyBorder="1" applyAlignment="1">
      <alignment horizontal="center"/>
    </xf>
    <xf numFmtId="0" fontId="1" fillId="0" borderId="5" xfId="1" applyFont="1" applyFill="1" applyBorder="1" applyAlignment="1">
      <alignment horizontal="center"/>
    </xf>
    <xf numFmtId="0" fontId="1" fillId="0" borderId="6" xfId="1" applyFont="1" applyFill="1" applyBorder="1" applyAlignment="1">
      <alignment horizontal="center"/>
    </xf>
    <xf numFmtId="0" fontId="1" fillId="0" borderId="7" xfId="1" applyFont="1" applyFill="1" applyBorder="1" applyAlignment="1">
      <alignment horizontal="center"/>
    </xf>
    <xf numFmtId="0" fontId="1" fillId="0" borderId="0" xfId="1" applyFont="1" applyFill="1" applyAlignment="1">
      <alignment horizontal="center" vertical="center"/>
    </xf>
    <xf numFmtId="0" fontId="1" fillId="0" borderId="8" xfId="1" applyFont="1" applyFill="1" applyBorder="1" applyAlignment="1">
      <alignment horizontal="center" vertical="center"/>
    </xf>
    <xf numFmtId="0" fontId="1" fillId="0" borderId="0" xfId="1" applyFont="1" applyFill="1" applyBorder="1" applyAlignment="1">
      <alignment horizontal="center" vertical="center"/>
    </xf>
    <xf numFmtId="0" fontId="1" fillId="0" borderId="0" xfId="1" applyFont="1" applyFill="1" applyBorder="1" applyAlignment="1">
      <alignment horizontal="center" vertical="center"/>
    </xf>
    <xf numFmtId="0" fontId="1" fillId="0" borderId="9" xfId="1" applyFont="1" applyFill="1" applyBorder="1" applyAlignment="1">
      <alignment horizontal="center" vertical="center" wrapText="1"/>
    </xf>
    <xf numFmtId="0" fontId="1" fillId="0" borderId="10" xfId="1" applyFont="1" applyFill="1" applyBorder="1" applyAlignment="1">
      <alignment horizontal="center" vertical="center" wrapText="1"/>
    </xf>
    <xf numFmtId="0" fontId="1" fillId="0" borderId="11" xfId="1" applyFont="1" applyFill="1" applyBorder="1" applyAlignment="1">
      <alignment horizontal="center" vertical="center" wrapText="1"/>
    </xf>
    <xf numFmtId="0" fontId="1" fillId="0" borderId="12" xfId="1" applyFont="1" applyFill="1" applyBorder="1" applyAlignment="1">
      <alignment horizontal="center" vertical="center" wrapText="1"/>
    </xf>
    <xf numFmtId="0" fontId="1" fillId="0" borderId="13" xfId="1" applyFont="1" applyFill="1" applyBorder="1" applyAlignment="1">
      <alignment horizontal="center" vertical="center" wrapText="1"/>
    </xf>
    <xf numFmtId="0" fontId="1" fillId="0" borderId="14" xfId="1" applyFont="1" applyFill="1" applyBorder="1" applyAlignment="1">
      <alignment horizontal="center" vertical="center" wrapText="1"/>
    </xf>
    <xf numFmtId="0" fontId="1" fillId="0" borderId="15" xfId="1" applyFont="1" applyFill="1" applyBorder="1" applyAlignment="1">
      <alignment horizontal="center" vertical="center" wrapText="1"/>
    </xf>
    <xf numFmtId="0" fontId="1" fillId="0" borderId="16" xfId="1" applyFont="1" applyFill="1" applyBorder="1" applyAlignment="1">
      <alignment horizontal="center" vertical="center" wrapText="1"/>
    </xf>
    <xf numFmtId="0" fontId="1" fillId="0" borderId="17" xfId="1" applyFont="1" applyFill="1" applyBorder="1" applyAlignment="1">
      <alignment horizontal="center" vertical="center" wrapText="1"/>
    </xf>
    <xf numFmtId="0" fontId="1" fillId="0" borderId="18" xfId="1" applyFont="1" applyFill="1" applyBorder="1" applyAlignment="1">
      <alignment horizontal="center" vertical="center" wrapText="1"/>
    </xf>
    <xf numFmtId="0" fontId="1" fillId="0" borderId="19" xfId="1" applyFont="1" applyFill="1" applyBorder="1" applyAlignment="1">
      <alignment horizontal="center" vertical="center" wrapText="1"/>
    </xf>
    <xf numFmtId="0" fontId="1" fillId="0" borderId="20" xfId="1" applyFont="1" applyFill="1" applyBorder="1" applyAlignment="1">
      <alignment horizontal="center" vertical="center" wrapText="1"/>
    </xf>
    <xf numFmtId="0" fontId="1" fillId="0" borderId="21" xfId="1" applyFont="1" applyFill="1" applyBorder="1" applyAlignment="1">
      <alignment horizontal="center" vertical="center" wrapText="1"/>
    </xf>
    <xf numFmtId="0" fontId="1" fillId="0" borderId="22" xfId="1" applyFont="1" applyFill="1" applyBorder="1" applyAlignment="1">
      <alignment horizontal="center" vertical="center"/>
    </xf>
    <xf numFmtId="0" fontId="1" fillId="0" borderId="23" xfId="1" applyFont="1" applyFill="1" applyBorder="1" applyAlignment="1">
      <alignment horizontal="center" vertical="center"/>
    </xf>
    <xf numFmtId="0" fontId="1" fillId="0" borderId="23" xfId="1" applyFont="1" applyFill="1" applyBorder="1" applyAlignment="1">
      <alignment horizontal="center" vertical="center"/>
    </xf>
    <xf numFmtId="0" fontId="1" fillId="0" borderId="24" xfId="1" applyFont="1" applyFill="1" applyBorder="1" applyAlignment="1">
      <alignment horizontal="center" vertical="center" wrapText="1"/>
    </xf>
    <xf numFmtId="0" fontId="1" fillId="0" borderId="25" xfId="1" applyFont="1" applyFill="1" applyBorder="1" applyAlignment="1">
      <alignment horizontal="center" vertical="center" wrapText="1"/>
    </xf>
    <xf numFmtId="0" fontId="1" fillId="0" borderId="26" xfId="1" applyFont="1" applyFill="1" applyBorder="1" applyAlignment="1">
      <alignment horizontal="center" vertical="center" wrapText="1"/>
    </xf>
    <xf numFmtId="0" fontId="1" fillId="0" borderId="27" xfId="1" applyFont="1" applyFill="1" applyBorder="1" applyAlignment="1">
      <alignment horizontal="center" vertical="center" wrapText="1"/>
    </xf>
    <xf numFmtId="0" fontId="1" fillId="0" borderId="28" xfId="1" applyFont="1" applyFill="1" applyBorder="1" applyAlignment="1">
      <alignment horizontal="center" vertical="center" wrapText="1"/>
    </xf>
    <xf numFmtId="0" fontId="1" fillId="0" borderId="27" xfId="1" applyFont="1" applyFill="1" applyBorder="1" applyAlignment="1">
      <alignment horizontal="center" vertical="center" wrapText="1"/>
    </xf>
    <xf numFmtId="0" fontId="1" fillId="0" borderId="29" xfId="1" applyFont="1" applyFill="1" applyBorder="1" applyAlignment="1">
      <alignment horizontal="center" vertical="center" wrapText="1"/>
    </xf>
    <xf numFmtId="0" fontId="1" fillId="0" borderId="30" xfId="1" applyFont="1" applyFill="1" applyBorder="1" applyAlignment="1">
      <alignment horizontal="center" vertical="center" wrapText="1"/>
    </xf>
    <xf numFmtId="0" fontId="1" fillId="0" borderId="8" xfId="1" applyFont="1" applyFill="1" applyBorder="1"/>
    <xf numFmtId="176" fontId="1" fillId="0" borderId="31" xfId="1" applyNumberFormat="1" applyFont="1" applyFill="1" applyBorder="1" applyAlignment="1">
      <alignment horizontal="right"/>
    </xf>
    <xf numFmtId="176" fontId="1" fillId="0" borderId="32" xfId="1" applyNumberFormat="1" applyFont="1" applyFill="1" applyBorder="1" applyAlignment="1">
      <alignment horizontal="right"/>
    </xf>
    <xf numFmtId="176" fontId="1" fillId="0" borderId="33" xfId="1" applyNumberFormat="1" applyFont="1" applyFill="1" applyBorder="1" applyAlignment="1">
      <alignment horizontal="right"/>
    </xf>
    <xf numFmtId="176" fontId="1" fillId="0" borderId="34" xfId="1" applyNumberFormat="1" applyFont="1" applyFill="1" applyBorder="1" applyAlignment="1">
      <alignment horizontal="right"/>
    </xf>
    <xf numFmtId="176" fontId="1" fillId="0" borderId="35" xfId="1" applyNumberFormat="1" applyFont="1" applyFill="1" applyBorder="1" applyAlignment="1">
      <alignment horizontal="right"/>
    </xf>
    <xf numFmtId="176" fontId="1" fillId="0" borderId="36" xfId="1" applyNumberFormat="1" applyFont="1" applyFill="1" applyBorder="1" applyAlignment="1">
      <alignment horizontal="right"/>
    </xf>
    <xf numFmtId="176" fontId="1" fillId="0" borderId="37" xfId="1" applyNumberFormat="1" applyFont="1" applyFill="1" applyBorder="1" applyAlignment="1">
      <alignment horizontal="right"/>
    </xf>
    <xf numFmtId="176" fontId="1" fillId="0" borderId="38" xfId="1" applyNumberFormat="1" applyFont="1" applyFill="1" applyBorder="1" applyAlignment="1">
      <alignment horizontal="right"/>
    </xf>
    <xf numFmtId="176" fontId="1" fillId="0" borderId="39" xfId="1" applyNumberFormat="1" applyFont="1" applyFill="1" applyBorder="1" applyAlignment="1">
      <alignment horizontal="right"/>
    </xf>
    <xf numFmtId="176" fontId="1" fillId="0" borderId="40" xfId="1" applyNumberFormat="1" applyFont="1" applyFill="1" applyBorder="1" applyAlignment="1">
      <alignment horizontal="right"/>
    </xf>
    <xf numFmtId="0" fontId="1" fillId="0" borderId="41" xfId="1" applyFont="1" applyFill="1" applyBorder="1"/>
    <xf numFmtId="0" fontId="1" fillId="0" borderId="42" xfId="1" applyFont="1" applyFill="1" applyBorder="1"/>
    <xf numFmtId="176" fontId="1" fillId="0" borderId="43" xfId="1" applyNumberFormat="1" applyFont="1" applyFill="1" applyBorder="1" applyAlignment="1">
      <alignment horizontal="right"/>
    </xf>
    <xf numFmtId="176" fontId="1" fillId="0" borderId="44" xfId="1" applyNumberFormat="1" applyFont="1" applyFill="1" applyBorder="1" applyAlignment="1">
      <alignment horizontal="right"/>
    </xf>
    <xf numFmtId="176" fontId="1" fillId="0" borderId="45" xfId="1" applyNumberFormat="1" applyFont="1" applyFill="1" applyBorder="1" applyAlignment="1">
      <alignment horizontal="right"/>
    </xf>
    <xf numFmtId="176" fontId="1" fillId="0" borderId="42" xfId="1" applyNumberFormat="1" applyFont="1" applyFill="1" applyBorder="1" applyAlignment="1">
      <alignment horizontal="right"/>
    </xf>
    <xf numFmtId="176" fontId="1" fillId="0" borderId="46" xfId="1" applyNumberFormat="1" applyFont="1" applyFill="1" applyBorder="1" applyAlignment="1">
      <alignment horizontal="right"/>
    </xf>
    <xf numFmtId="176" fontId="1" fillId="0" borderId="47" xfId="1" applyNumberFormat="1" applyFont="1" applyFill="1" applyBorder="1" applyAlignment="1">
      <alignment horizontal="right"/>
    </xf>
    <xf numFmtId="176" fontId="1" fillId="0" borderId="48" xfId="1" applyNumberFormat="1" applyFont="1" applyFill="1" applyBorder="1" applyAlignment="1">
      <alignment horizontal="right"/>
    </xf>
    <xf numFmtId="176" fontId="1" fillId="0" borderId="49" xfId="1" applyNumberFormat="1" applyFont="1" applyFill="1" applyBorder="1" applyAlignment="1">
      <alignment horizontal="right"/>
    </xf>
    <xf numFmtId="176" fontId="1" fillId="0" borderId="50" xfId="1" applyNumberFormat="1" applyFont="1" applyFill="1" applyBorder="1" applyAlignment="1">
      <alignment horizontal="right"/>
    </xf>
    <xf numFmtId="0" fontId="1" fillId="0" borderId="51" xfId="1" applyFont="1" applyFill="1" applyBorder="1"/>
    <xf numFmtId="0" fontId="1" fillId="0" borderId="0" xfId="1" applyFont="1" applyFill="1" applyBorder="1" applyAlignment="1">
      <alignment horizontal="left" vertical="center"/>
    </xf>
    <xf numFmtId="0" fontId="1" fillId="0" borderId="42" xfId="1" applyFont="1" applyFill="1" applyBorder="1" applyAlignment="1">
      <alignment horizontal="left" vertical="center"/>
    </xf>
    <xf numFmtId="0" fontId="1" fillId="0" borderId="52" xfId="1" applyFont="1" applyFill="1" applyBorder="1"/>
    <xf numFmtId="0" fontId="1" fillId="0" borderId="53" xfId="1" applyFont="1" applyFill="1" applyBorder="1"/>
    <xf numFmtId="0" fontId="1" fillId="0" borderId="54" xfId="1" applyFont="1" applyFill="1" applyBorder="1"/>
    <xf numFmtId="0" fontId="1" fillId="0" borderId="55" xfId="1" applyFont="1" applyFill="1" applyBorder="1"/>
    <xf numFmtId="176" fontId="1" fillId="0" borderId="56" xfId="1" applyNumberFormat="1" applyFont="1" applyFill="1" applyBorder="1" applyAlignment="1">
      <alignment horizontal="right"/>
    </xf>
    <xf numFmtId="176" fontId="1" fillId="0" borderId="57" xfId="1" applyNumberFormat="1" applyFont="1" applyFill="1" applyBorder="1" applyAlignment="1">
      <alignment horizontal="right"/>
    </xf>
    <xf numFmtId="176" fontId="1" fillId="0" borderId="58" xfId="1" applyNumberFormat="1" applyFont="1" applyFill="1" applyBorder="1" applyAlignment="1">
      <alignment horizontal="right"/>
    </xf>
    <xf numFmtId="176" fontId="1" fillId="0" borderId="59" xfId="1" applyNumberFormat="1" applyFont="1" applyFill="1" applyBorder="1" applyAlignment="1">
      <alignment horizontal="right"/>
    </xf>
    <xf numFmtId="176" fontId="1" fillId="0" borderId="55" xfId="1" applyNumberFormat="1" applyFont="1" applyFill="1" applyBorder="1" applyAlignment="1">
      <alignment horizontal="right"/>
    </xf>
    <xf numFmtId="176" fontId="1" fillId="0" borderId="60" xfId="1" applyNumberFormat="1" applyFont="1" applyFill="1" applyBorder="1" applyAlignment="1">
      <alignment horizontal="right"/>
    </xf>
    <xf numFmtId="176" fontId="1" fillId="0" borderId="61" xfId="1" applyNumberFormat="1" applyFont="1" applyFill="1" applyBorder="1" applyAlignment="1">
      <alignment horizontal="right"/>
    </xf>
    <xf numFmtId="176" fontId="1" fillId="0" borderId="62" xfId="1" applyNumberFormat="1" applyFont="1" applyFill="1" applyBorder="1" applyAlignment="1">
      <alignment horizontal="right"/>
    </xf>
    <xf numFmtId="0" fontId="1" fillId="0" borderId="63" xfId="1" applyFont="1" applyFill="1" applyBorder="1"/>
    <xf numFmtId="0" fontId="1" fillId="0" borderId="35" xfId="1" applyFont="1" applyFill="1" applyBorder="1"/>
    <xf numFmtId="176" fontId="1" fillId="0" borderId="64" xfId="1" applyNumberFormat="1" applyFont="1" applyFill="1" applyBorder="1" applyAlignment="1">
      <alignment horizontal="right"/>
    </xf>
    <xf numFmtId="176" fontId="1" fillId="0" borderId="65" xfId="1" applyNumberFormat="1" applyFont="1" applyFill="1" applyBorder="1" applyAlignment="1">
      <alignment horizontal="right"/>
    </xf>
    <xf numFmtId="0" fontId="1" fillId="0" borderId="66" xfId="1" applyFont="1" applyFill="1" applyBorder="1"/>
    <xf numFmtId="0" fontId="1" fillId="0" borderId="67" xfId="1" applyFont="1" applyFill="1" applyBorder="1"/>
    <xf numFmtId="176" fontId="1" fillId="0" borderId="68" xfId="1" applyNumberFormat="1" applyFont="1" applyFill="1" applyBorder="1" applyAlignment="1">
      <alignment horizontal="right"/>
    </xf>
    <xf numFmtId="176" fontId="1" fillId="0" borderId="69" xfId="1" applyNumberFormat="1" applyFont="1" applyFill="1" applyBorder="1" applyAlignment="1">
      <alignment horizontal="right"/>
    </xf>
    <xf numFmtId="176" fontId="1" fillId="0" borderId="70" xfId="1" applyNumberFormat="1" applyFont="1" applyFill="1" applyBorder="1" applyAlignment="1">
      <alignment horizontal="right"/>
    </xf>
    <xf numFmtId="176" fontId="1" fillId="0" borderId="71" xfId="1" applyNumberFormat="1" applyFont="1" applyFill="1" applyBorder="1" applyAlignment="1">
      <alignment horizontal="right"/>
    </xf>
    <xf numFmtId="176" fontId="1" fillId="0" borderId="67" xfId="1" applyNumberFormat="1" applyFont="1" applyFill="1" applyBorder="1" applyAlignment="1">
      <alignment horizontal="right"/>
    </xf>
    <xf numFmtId="176" fontId="1" fillId="0" borderId="72" xfId="1" applyNumberFormat="1" applyFont="1" applyFill="1" applyBorder="1" applyAlignment="1">
      <alignment horizontal="right"/>
    </xf>
    <xf numFmtId="176" fontId="1" fillId="0" borderId="73" xfId="1" applyNumberFormat="1" applyFont="1" applyFill="1" applyBorder="1" applyAlignment="1">
      <alignment horizontal="right"/>
    </xf>
    <xf numFmtId="176" fontId="1" fillId="0" borderId="74" xfId="1" applyNumberFormat="1" applyFont="1" applyFill="1" applyBorder="1" applyAlignment="1">
      <alignment horizontal="right"/>
    </xf>
    <xf numFmtId="0" fontId="1" fillId="2" borderId="1" xfId="1" applyFont="1" applyFill="1" applyBorder="1" applyAlignment="1">
      <alignment horizontal="center" vertical="center"/>
    </xf>
    <xf numFmtId="0" fontId="1" fillId="2" borderId="2" xfId="1" applyFont="1" applyFill="1" applyBorder="1" applyAlignment="1">
      <alignment horizontal="center" vertical="center"/>
    </xf>
    <xf numFmtId="0" fontId="1" fillId="2" borderId="2" xfId="1" applyFont="1" applyFill="1" applyBorder="1" applyAlignment="1">
      <alignment horizontal="center" vertical="center"/>
    </xf>
    <xf numFmtId="0" fontId="1" fillId="2" borderId="3" xfId="1" applyFont="1" applyFill="1" applyBorder="1" applyAlignment="1">
      <alignment horizontal="center"/>
    </xf>
    <xf numFmtId="0" fontId="1" fillId="2" borderId="4" xfId="1" applyFont="1" applyFill="1" applyBorder="1" applyAlignment="1">
      <alignment horizontal="center"/>
    </xf>
    <xf numFmtId="0" fontId="1" fillId="2" borderId="5" xfId="1" applyFont="1" applyFill="1" applyBorder="1" applyAlignment="1">
      <alignment horizontal="center"/>
    </xf>
    <xf numFmtId="0" fontId="1" fillId="2" borderId="6" xfId="1" applyFont="1" applyFill="1" applyBorder="1" applyAlignment="1">
      <alignment horizontal="center"/>
    </xf>
    <xf numFmtId="0" fontId="1" fillId="2" borderId="7" xfId="1" applyFont="1" applyFill="1" applyBorder="1" applyAlignment="1">
      <alignment horizontal="center"/>
    </xf>
    <xf numFmtId="0" fontId="1" fillId="2" borderId="8" xfId="1" applyFont="1" applyFill="1" applyBorder="1" applyAlignment="1">
      <alignment horizontal="center" vertical="center"/>
    </xf>
    <xf numFmtId="0" fontId="1" fillId="2" borderId="0" xfId="1" applyFont="1" applyFill="1" applyBorder="1" applyAlignment="1">
      <alignment horizontal="center" vertical="center"/>
    </xf>
    <xf numFmtId="0" fontId="1" fillId="2" borderId="0" xfId="1" applyFont="1" applyFill="1" applyBorder="1" applyAlignment="1">
      <alignment horizontal="center" vertical="center"/>
    </xf>
    <xf numFmtId="0" fontId="1" fillId="2" borderId="22" xfId="1" applyFont="1" applyFill="1" applyBorder="1" applyAlignment="1">
      <alignment horizontal="center" vertical="center"/>
    </xf>
    <xf numFmtId="0" fontId="1" fillId="2" borderId="23" xfId="1" applyFont="1" applyFill="1" applyBorder="1" applyAlignment="1">
      <alignment horizontal="center" vertical="center"/>
    </xf>
    <xf numFmtId="0" fontId="1" fillId="2" borderId="23" xfId="1" applyFont="1" applyFill="1" applyBorder="1" applyAlignment="1">
      <alignment horizontal="center" vertical="center"/>
    </xf>
    <xf numFmtId="176" fontId="1" fillId="0" borderId="15" xfId="1" applyNumberFormat="1" applyFont="1" applyFill="1" applyBorder="1" applyAlignment="1">
      <alignment horizontal="right"/>
    </xf>
    <xf numFmtId="176" fontId="1" fillId="0" borderId="75" xfId="1" applyNumberFormat="1" applyFont="1" applyFill="1" applyBorder="1" applyAlignment="1">
      <alignment horizontal="right"/>
    </xf>
    <xf numFmtId="176" fontId="1" fillId="0" borderId="76" xfId="1" applyNumberFormat="1" applyFont="1" applyFill="1" applyBorder="1" applyAlignment="1">
      <alignment horizontal="right"/>
    </xf>
    <xf numFmtId="176" fontId="1" fillId="0" borderId="53" xfId="1" applyNumberFormat="1" applyFont="1" applyFill="1" applyBorder="1" applyAlignment="1">
      <alignment horizontal="right"/>
    </xf>
    <xf numFmtId="176" fontId="1" fillId="0" borderId="77" xfId="1" applyNumberFormat="1" applyFont="1" applyFill="1" applyBorder="1" applyAlignment="1">
      <alignment horizontal="right"/>
    </xf>
    <xf numFmtId="176" fontId="1" fillId="0" borderId="78" xfId="1" applyNumberFormat="1" applyFont="1" applyFill="1" applyBorder="1" applyAlignment="1">
      <alignment horizontal="right"/>
    </xf>
    <xf numFmtId="176" fontId="1" fillId="0" borderId="79" xfId="1" applyNumberFormat="1" applyFont="1" applyFill="1" applyBorder="1" applyAlignment="1">
      <alignment horizontal="right"/>
    </xf>
    <xf numFmtId="176" fontId="1" fillId="0" borderId="80" xfId="1" applyNumberFormat="1" applyFont="1" applyFill="1" applyBorder="1" applyAlignment="1">
      <alignment horizontal="right"/>
    </xf>
    <xf numFmtId="176" fontId="1" fillId="0" borderId="81" xfId="1" applyNumberFormat="1" applyFont="1" applyFill="1" applyBorder="1" applyAlignment="1">
      <alignment horizontal="right"/>
    </xf>
    <xf numFmtId="0" fontId="1" fillId="0" borderId="82" xfId="1" applyFont="1" applyFill="1" applyBorder="1"/>
    <xf numFmtId="0" fontId="1" fillId="0" borderId="83" xfId="1" applyFont="1" applyFill="1" applyBorder="1"/>
    <xf numFmtId="176" fontId="1" fillId="0" borderId="84" xfId="1" applyNumberFormat="1" applyFont="1" applyFill="1" applyBorder="1" applyAlignment="1">
      <alignment horizontal="right"/>
    </xf>
    <xf numFmtId="176" fontId="1" fillId="0" borderId="83" xfId="1" applyNumberFormat="1" applyFont="1" applyFill="1" applyBorder="1" applyAlignment="1">
      <alignment horizontal="right"/>
    </xf>
    <xf numFmtId="176" fontId="1" fillId="0" borderId="85" xfId="1" applyNumberFormat="1" applyFont="1" applyFill="1" applyBorder="1" applyAlignment="1">
      <alignment horizontal="right"/>
    </xf>
    <xf numFmtId="176" fontId="1" fillId="0" borderId="86" xfId="1" applyNumberFormat="1" applyFont="1" applyFill="1" applyBorder="1" applyAlignment="1">
      <alignment horizontal="right"/>
    </xf>
    <xf numFmtId="176" fontId="1" fillId="0" borderId="24" xfId="1" applyNumberFormat="1" applyFont="1" applyFill="1" applyBorder="1" applyAlignment="1">
      <alignment horizontal="right"/>
    </xf>
    <xf numFmtId="0" fontId="1" fillId="0" borderId="29" xfId="1" applyFont="1" applyFill="1" applyBorder="1" applyAlignment="1">
      <alignment horizontal="center" vertical="center" wrapText="1"/>
    </xf>
    <xf numFmtId="0" fontId="1" fillId="0" borderId="25" xfId="1" applyFont="1" applyFill="1" applyBorder="1" applyAlignment="1">
      <alignment horizontal="center" vertical="center" wrapText="1"/>
    </xf>
    <xf numFmtId="176" fontId="1" fillId="0" borderId="90" xfId="1" applyNumberFormat="1" applyFont="1" applyFill="1" applyBorder="1" applyAlignment="1">
      <alignment horizontal="right"/>
    </xf>
    <xf numFmtId="176" fontId="1" fillId="0" borderId="51" xfId="1" applyNumberFormat="1" applyFont="1" applyFill="1" applyBorder="1" applyAlignment="1">
      <alignment horizontal="right"/>
    </xf>
    <xf numFmtId="176" fontId="1" fillId="0" borderId="91" xfId="1" applyNumberFormat="1" applyFont="1" applyFill="1" applyBorder="1" applyAlignment="1">
      <alignment horizontal="right"/>
    </xf>
    <xf numFmtId="176" fontId="1" fillId="0" borderId="92" xfId="1" applyNumberFormat="1" applyFont="1" applyFill="1" applyBorder="1" applyAlignment="1">
      <alignment horizontal="right"/>
    </xf>
    <xf numFmtId="0" fontId="1" fillId="0" borderId="87" xfId="1" applyFont="1" applyFill="1" applyBorder="1" applyAlignment="1">
      <alignment horizontal="center" vertical="center" wrapText="1"/>
    </xf>
    <xf numFmtId="0" fontId="1" fillId="0" borderId="88" xfId="1" applyFont="1" applyFill="1" applyBorder="1" applyAlignment="1">
      <alignment horizontal="center" vertical="center" wrapText="1"/>
    </xf>
    <xf numFmtId="0" fontId="1" fillId="2" borderId="93" xfId="1" applyFont="1" applyFill="1" applyBorder="1" applyAlignment="1">
      <alignment horizontal="center" vertical="center" wrapText="1"/>
    </xf>
    <xf numFmtId="0" fontId="1" fillId="2" borderId="89" xfId="1" applyFont="1" applyFill="1" applyBorder="1" applyAlignment="1">
      <alignment horizontal="center" vertical="center" wrapText="1"/>
    </xf>
    <xf numFmtId="0" fontId="1" fillId="0" borderId="94" xfId="1" applyFont="1" applyFill="1" applyBorder="1" applyAlignment="1">
      <alignment horizontal="center" vertical="center" wrapText="1"/>
    </xf>
    <xf numFmtId="0" fontId="1" fillId="0" borderId="95" xfId="1" applyFont="1" applyFill="1" applyBorder="1" applyAlignment="1">
      <alignment horizontal="center" vertical="center" wrapText="1"/>
    </xf>
    <xf numFmtId="0" fontId="1" fillId="0" borderId="96" xfId="1" applyFont="1" applyFill="1" applyBorder="1" applyAlignment="1">
      <alignment horizontal="center" vertical="center" wrapText="1"/>
    </xf>
    <xf numFmtId="0" fontId="1" fillId="0" borderId="97" xfId="1" applyFont="1" applyFill="1" applyBorder="1" applyAlignment="1">
      <alignment horizontal="center" vertical="center" wrapText="1"/>
    </xf>
    <xf numFmtId="176" fontId="1" fillId="0" borderId="98" xfId="1" applyNumberFormat="1" applyFont="1" applyFill="1" applyBorder="1" applyAlignment="1">
      <alignment horizontal="right"/>
    </xf>
    <xf numFmtId="176" fontId="1" fillId="0" borderId="99" xfId="1" applyNumberFormat="1" applyFont="1" applyFill="1" applyBorder="1" applyAlignment="1">
      <alignment horizontal="right"/>
    </xf>
    <xf numFmtId="176" fontId="1" fillId="0" borderId="100" xfId="1" applyNumberFormat="1" applyFont="1" applyFill="1" applyBorder="1" applyAlignment="1">
      <alignment horizontal="right"/>
    </xf>
    <xf numFmtId="176" fontId="1" fillId="0" borderId="101" xfId="1" applyNumberFormat="1" applyFont="1" applyFill="1" applyBorder="1" applyAlignment="1">
      <alignment horizontal="right"/>
    </xf>
    <xf numFmtId="0" fontId="1" fillId="0" borderId="102" xfId="1" applyFont="1" applyFill="1" applyBorder="1" applyAlignment="1">
      <alignment horizontal="center" vertical="center" wrapText="1"/>
    </xf>
    <xf numFmtId="0" fontId="1" fillId="0" borderId="103" xfId="1" applyFont="1" applyFill="1" applyBorder="1" applyAlignment="1">
      <alignment horizontal="center" vertical="center" wrapText="1"/>
    </xf>
    <xf numFmtId="0" fontId="1" fillId="0" borderId="24" xfId="1" applyFont="1" applyFill="1" applyBorder="1" applyAlignment="1">
      <alignment horizontal="center" vertical="center" wrapText="1"/>
    </xf>
    <xf numFmtId="0" fontId="1" fillId="0" borderId="89" xfId="1" applyFont="1" applyFill="1" applyBorder="1" applyAlignment="1">
      <alignment horizontal="center" vertical="center" wrapText="1"/>
    </xf>
    <xf numFmtId="0" fontId="1" fillId="0" borderId="0" xfId="1" applyFont="1" applyFill="1" applyBorder="1" applyAlignment="1">
      <alignment horizontal="center" vertical="center" wrapText="1"/>
    </xf>
    <xf numFmtId="0" fontId="1" fillId="0" borderId="23" xfId="1" applyFont="1" applyFill="1" applyBorder="1" applyAlignment="1">
      <alignment horizontal="center" vertical="center" wrapText="1"/>
    </xf>
    <xf numFmtId="0" fontId="1" fillId="2" borderId="104" xfId="1" applyFont="1" applyFill="1" applyBorder="1" applyAlignment="1">
      <alignment horizontal="center"/>
    </xf>
    <xf numFmtId="0" fontId="1" fillId="2" borderId="2" xfId="1" applyFont="1" applyFill="1" applyBorder="1" applyAlignment="1">
      <alignment horizontal="center"/>
    </xf>
    <xf numFmtId="0" fontId="1" fillId="0" borderId="105" xfId="1" applyFont="1" applyFill="1" applyBorder="1" applyAlignment="1">
      <alignment horizontal="center" vertical="center" wrapText="1"/>
    </xf>
    <xf numFmtId="0" fontId="1" fillId="0" borderId="97" xfId="1" applyFont="1" applyFill="1" applyBorder="1" applyAlignment="1">
      <alignment horizontal="center" vertical="center" wrapText="1"/>
    </xf>
    <xf numFmtId="176" fontId="1" fillId="0" borderId="106" xfId="1" applyNumberFormat="1" applyFont="1" applyFill="1" applyBorder="1" applyAlignment="1">
      <alignment horizontal="right"/>
    </xf>
    <xf numFmtId="176" fontId="1" fillId="0" borderId="107" xfId="1" applyNumberFormat="1" applyFont="1" applyFill="1" applyBorder="1" applyAlignment="1">
      <alignment horizontal="right"/>
    </xf>
    <xf numFmtId="176" fontId="1" fillId="0" borderId="108" xfId="1" applyNumberFormat="1" applyFont="1" applyFill="1" applyBorder="1" applyAlignment="1">
      <alignment horizontal="right"/>
    </xf>
    <xf numFmtId="176" fontId="1" fillId="0" borderId="109" xfId="1" applyNumberFormat="1" applyFont="1" applyFill="1" applyBorder="1" applyAlignment="1">
      <alignment horizontal="right"/>
    </xf>
    <xf numFmtId="176" fontId="1" fillId="0" borderId="110" xfId="1" applyNumberFormat="1" applyFont="1" applyFill="1" applyBorder="1" applyAlignment="1">
      <alignment horizontal="right"/>
    </xf>
    <xf numFmtId="0" fontId="1" fillId="0" borderId="93" xfId="1" applyFont="1" applyFill="1" applyBorder="1" applyAlignment="1">
      <alignment horizontal="center" vertical="center" wrapText="1"/>
    </xf>
    <xf numFmtId="0" fontId="1" fillId="0" borderId="104" xfId="1" applyFont="1" applyFill="1" applyBorder="1" applyAlignment="1">
      <alignment horizontal="center"/>
    </xf>
    <xf numFmtId="0" fontId="1" fillId="0" borderId="2" xfId="1" applyFont="1" applyFill="1" applyBorder="1" applyAlignment="1">
      <alignment horizontal="center"/>
    </xf>
    <xf numFmtId="176" fontId="1" fillId="0" borderId="111" xfId="1" applyNumberFormat="1" applyFont="1" applyFill="1" applyBorder="1" applyAlignment="1">
      <alignment horizontal="right"/>
    </xf>
    <xf numFmtId="176" fontId="1" fillId="0" borderId="112" xfId="1" applyNumberFormat="1" applyFont="1" applyFill="1" applyBorder="1" applyAlignment="1">
      <alignment horizontal="right"/>
    </xf>
    <xf numFmtId="176" fontId="1" fillId="0" borderId="113" xfId="1" applyNumberFormat="1" applyFont="1" applyFill="1" applyBorder="1" applyAlignment="1">
      <alignment horizontal="right"/>
    </xf>
    <xf numFmtId="176" fontId="1" fillId="0" borderId="114" xfId="1" applyNumberFormat="1" applyFont="1" applyFill="1" applyBorder="1" applyAlignment="1">
      <alignment horizontal="right"/>
    </xf>
    <xf numFmtId="176" fontId="1" fillId="0" borderId="115" xfId="1" applyNumberFormat="1" applyFont="1" applyFill="1" applyBorder="1" applyAlignment="1">
      <alignment horizontal="right"/>
    </xf>
    <xf numFmtId="176" fontId="1" fillId="0" borderId="116" xfId="1" applyNumberFormat="1" applyFont="1" applyFill="1" applyBorder="1" applyAlignment="1">
      <alignment horizontal="right"/>
    </xf>
    <xf numFmtId="176" fontId="1" fillId="0" borderId="117" xfId="1" applyNumberFormat="1" applyFont="1" applyFill="1" applyBorder="1" applyAlignment="1">
      <alignment horizontal="right"/>
    </xf>
    <xf numFmtId="176" fontId="1" fillId="0" borderId="118" xfId="1" applyNumberFormat="1" applyFont="1" applyFill="1" applyBorder="1" applyAlignment="1">
      <alignment horizontal="right"/>
    </xf>
    <xf numFmtId="176" fontId="1" fillId="0" borderId="119" xfId="1" applyNumberFormat="1" applyFont="1" applyFill="1" applyBorder="1" applyAlignment="1">
      <alignment horizontal="right"/>
    </xf>
    <xf numFmtId="176" fontId="1" fillId="0" borderId="120" xfId="1" applyNumberFormat="1" applyFont="1" applyFill="1" applyBorder="1" applyAlignment="1">
      <alignment horizontal="right"/>
    </xf>
    <xf numFmtId="176" fontId="1" fillId="0" borderId="121" xfId="1" applyNumberFormat="1" applyFont="1" applyFill="1" applyBorder="1" applyAlignment="1">
      <alignment horizontal="right"/>
    </xf>
    <xf numFmtId="176" fontId="1" fillId="0" borderId="122" xfId="1" applyNumberFormat="1" applyFont="1" applyFill="1" applyBorder="1" applyAlignment="1">
      <alignment horizontal="right"/>
    </xf>
    <xf numFmtId="176" fontId="1" fillId="0" borderId="123" xfId="1" applyNumberFormat="1" applyFont="1" applyFill="1" applyBorder="1" applyAlignment="1">
      <alignment horizontal="right"/>
    </xf>
    <xf numFmtId="176" fontId="1" fillId="0" borderId="124" xfId="1" applyNumberFormat="1" applyFont="1" applyFill="1" applyBorder="1" applyAlignment="1">
      <alignment horizontal="right"/>
    </xf>
    <xf numFmtId="176" fontId="1" fillId="0" borderId="125" xfId="1" applyNumberFormat="1" applyFont="1" applyFill="1" applyBorder="1" applyAlignment="1">
      <alignment horizontal="right"/>
    </xf>
    <xf numFmtId="0" fontId="1" fillId="0" borderId="0" xfId="1" applyFont="1" applyFill="1" applyAlignment="1">
      <alignment horizontal="right"/>
    </xf>
  </cellXfs>
  <cellStyles count="11">
    <cellStyle name="桁区切り 2" xfId="6"/>
    <cellStyle name="標準" xfId="0" builtinId="0"/>
    <cellStyle name="標準 2" xfId="2"/>
    <cellStyle name="標準 2 3" xfId="8"/>
    <cellStyle name="標準 4" xfId="9"/>
    <cellStyle name="標準 5" xfId="7"/>
    <cellStyle name="標準 6" xfId="10"/>
    <cellStyle name="標準 7" xfId="4"/>
    <cellStyle name="標準 8" xfId="3"/>
    <cellStyle name="標準 9" xfId="5"/>
    <cellStyle name="標準_附属明細表PL・NW・WS　20060423修正版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07652\AppData\Local\Microsoft\Windows\INetCache\IE\K78F0O98\admin_05RO101_20190328214007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Root\&#12484;&#12540;&#12523;&#65381;&#12521;&#12452;&#12502;&#12521;&#12522;&#65381;&#35069;&#21697;\&#29983;&#25216;&#37096;&#12484;&#12540;&#12523;\ER_Studio&#27161;&#28310;&#12489;&#12513;&#12452;&#12531;\&#27161;&#28310;&#12489;&#12513;&#12452;&#12531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精算BS"/>
      <sheetName val="精算PL"/>
      <sheetName val="精算NW"/>
      <sheetName val="精算CF"/>
      <sheetName val="書類BS"/>
      <sheetName val="書類PL"/>
      <sheetName val="書類NW"/>
      <sheetName val="書類CF"/>
      <sheetName val="書類PL_NW"/>
      <sheetName val="注記"/>
      <sheetName val="CSV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概要"/>
      <sheetName val="利用方法"/>
      <sheetName val="標準ドメイン"/>
      <sheetName val="カテゴリ"/>
      <sheetName val="論理データ型"/>
      <sheetName val="フィルム"/>
      <sheetName val="フィルムグラフ_改修実績"/>
      <sheetName val="積層"/>
      <sheetName val="封止材"/>
      <sheetName val="シールド板"/>
      <sheetName val="フィルム "/>
      <sheetName val="Sheet1"/>
      <sheetName val="Sheet2"/>
      <sheetName val="Sheet3"/>
      <sheetName val="Pフォローアップ照会シート（モジュール別）"/>
      <sheetName val="Pフォローアップ照会シート(担当者別)"/>
      <sheetName val="表紙"/>
      <sheetName val="01"/>
      <sheetName val="データ項目名"/>
      <sheetName val="データ項目名_20070302bk"/>
      <sheetName val="データ項目名 (bk)"/>
      <sheetName val="基本項目加工"/>
      <sheetName val="基本項目"/>
      <sheetName val="Graph2"/>
      <sheetName val="javalog06"/>
      <sheetName val="共通部品"/>
      <sheetName val="ＣＣＬレビュー観点一覧"/>
      <sheetName val="画面表示"/>
      <sheetName val="画面表示 (2)"/>
      <sheetName val="画面表示 (3)"/>
      <sheetName val="画面表示 (4)"/>
      <sheetName val="画面表示 (5)"/>
      <sheetName val="画面表示 (6)"/>
      <sheetName val="画面表示 (7)"/>
      <sheetName val="画面表示 (8)"/>
      <sheetName val="画面表示 (9)"/>
      <sheetName val="画面表示 (10)"/>
      <sheetName val="画面表示 (11)"/>
      <sheetName val="画面表示 (12)"/>
      <sheetName val="チェック処理"/>
      <sheetName val="チェック処理 (2)"/>
      <sheetName val="チェック処理 (3)"/>
      <sheetName val="排他チェック"/>
      <sheetName val="削除処理"/>
    </sheetNames>
    <sheetDataSet>
      <sheetData sheetId="0"/>
      <sheetData sheetId="1"/>
      <sheetData sheetId="2"/>
      <sheetData sheetId="3" refreshError="1">
        <row r="6">
          <cell r="M6" t="str">
            <v>コード</v>
          </cell>
        </row>
        <row r="7">
          <cell r="M7" t="str">
            <v>番号</v>
          </cell>
        </row>
        <row r="8">
          <cell r="M8" t="str">
            <v>区分</v>
          </cell>
        </row>
        <row r="9">
          <cell r="M9" t="str">
            <v>フラグ</v>
          </cell>
        </row>
        <row r="10">
          <cell r="M10" t="str">
            <v>日付</v>
          </cell>
        </row>
        <row r="11">
          <cell r="M11" t="str">
            <v>時刻</v>
          </cell>
        </row>
        <row r="12">
          <cell r="M12" t="str">
            <v>期間</v>
          </cell>
        </row>
        <row r="13">
          <cell r="M13" t="str">
            <v>名称</v>
          </cell>
        </row>
        <row r="14">
          <cell r="M14" t="str">
            <v>数量</v>
          </cell>
        </row>
        <row r="15">
          <cell r="M15" t="str">
            <v>記述</v>
          </cell>
        </row>
        <row r="16">
          <cell r="M16" t="str">
            <v>その他</v>
          </cell>
        </row>
      </sheetData>
      <sheetData sheetId="4" refreshError="1">
        <row r="3">
          <cell r="A3" t="str">
            <v>CHAR</v>
          </cell>
        </row>
        <row r="4">
          <cell r="A4" t="str">
            <v>VARCHAR</v>
          </cell>
        </row>
        <row r="5">
          <cell r="A5" t="str">
            <v>NUMERIC</v>
          </cell>
        </row>
        <row r="6">
          <cell r="A6" t="str">
            <v>DATE</v>
          </cell>
        </row>
        <row r="7">
          <cell r="A7" t="str">
            <v>DATETIME</v>
          </cell>
        </row>
        <row r="8">
          <cell r="A8" t="str">
            <v>BIGINT</v>
          </cell>
        </row>
        <row r="9">
          <cell r="A9" t="str">
            <v>BINARY</v>
          </cell>
        </row>
        <row r="10">
          <cell r="A10" t="str">
            <v>BIT</v>
          </cell>
        </row>
        <row r="11">
          <cell r="A11" t="str">
            <v>COUNTER</v>
          </cell>
        </row>
        <row r="12">
          <cell r="A12" t="str">
            <v>DATETIMN</v>
          </cell>
        </row>
        <row r="13">
          <cell r="A13" t="str">
            <v>DECIMAL</v>
          </cell>
        </row>
        <row r="14">
          <cell r="A14" t="str">
            <v>DECIMALN</v>
          </cell>
        </row>
        <row r="15">
          <cell r="A15" t="str">
            <v>DOUBLE PRECISION</v>
          </cell>
        </row>
        <row r="16">
          <cell r="A16" t="str">
            <v>FLOAT</v>
          </cell>
        </row>
        <row r="17">
          <cell r="A17" t="str">
            <v>FLOATN</v>
          </cell>
        </row>
        <row r="18">
          <cell r="A18" t="str">
            <v>IMAGE/LONG BINARY</v>
          </cell>
        </row>
        <row r="19">
          <cell r="A19" t="str">
            <v>INTEGER</v>
          </cell>
        </row>
        <row r="20">
          <cell r="A20" t="str">
            <v>INTN</v>
          </cell>
        </row>
        <row r="21">
          <cell r="A21" t="str">
            <v>LONG VARCHAR</v>
          </cell>
        </row>
        <row r="22">
          <cell r="A22" t="str">
            <v>MLSLABEL/VARCHAR</v>
          </cell>
        </row>
        <row r="23">
          <cell r="A23" t="str">
            <v>MONEY</v>
          </cell>
        </row>
        <row r="24">
          <cell r="A24" t="str">
            <v>MONEYN</v>
          </cell>
        </row>
        <row r="25">
          <cell r="A25" t="str">
            <v>NCHAR</v>
          </cell>
        </row>
        <row r="26">
          <cell r="A26" t="str">
            <v>NTEXT/LONG NVARCHAR</v>
          </cell>
        </row>
        <row r="27">
          <cell r="A27" t="str">
            <v>NUMERICN</v>
          </cell>
        </row>
        <row r="28">
          <cell r="A28" t="str">
            <v>NVARCHAR</v>
          </cell>
        </row>
        <row r="29">
          <cell r="A29" t="str">
            <v>PICTURE</v>
          </cell>
        </row>
        <row r="30">
          <cell r="A30" t="str">
            <v>REAL/SMALLFLOAT</v>
          </cell>
        </row>
        <row r="31">
          <cell r="A31" t="str">
            <v>ROWID/VARCHAR</v>
          </cell>
        </row>
        <row r="32">
          <cell r="A32" t="str">
            <v>SERIAL/INTEGER</v>
          </cell>
        </row>
        <row r="33">
          <cell r="A33" t="str">
            <v>SMALLDATETIME</v>
          </cell>
        </row>
        <row r="34">
          <cell r="A34" t="str">
            <v>SMALLINT</v>
          </cell>
        </row>
        <row r="35">
          <cell r="A35" t="str">
            <v>SMALLMONEY</v>
          </cell>
        </row>
        <row r="36">
          <cell r="A36" t="str">
            <v>TEXT</v>
          </cell>
        </row>
        <row r="37">
          <cell r="A37" t="str">
            <v>TIME/DATETIME</v>
          </cell>
        </row>
        <row r="38">
          <cell r="A38" t="str">
            <v>TIMESTAMP/DATE</v>
          </cell>
        </row>
        <row r="39">
          <cell r="A39" t="str">
            <v>TINYINT</v>
          </cell>
        </row>
        <row r="40">
          <cell r="A40" t="str">
            <v>UNIQUEID</v>
          </cell>
        </row>
        <row r="41">
          <cell r="A41" t="str">
            <v>VARBINARY/BLOB</v>
          </cell>
        </row>
      </sheetData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 refreshError="1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>
    <pageSetUpPr fitToPage="1"/>
  </sheetPr>
  <dimension ref="A1:AK96"/>
  <sheetViews>
    <sheetView zoomScale="85" zoomScaleNormal="85" zoomScaleSheetLayoutView="55" workbookViewId="0">
      <selection activeCell="C17" sqref="C17"/>
    </sheetView>
  </sheetViews>
  <sheetFormatPr defaultRowHeight="13.5" x14ac:dyDescent="0.15"/>
  <cols>
    <col min="1" max="5" width="1.75" style="1" customWidth="1"/>
    <col min="6" max="6" width="19.375" style="1" customWidth="1"/>
    <col min="7" max="37" width="21.625" style="1" customWidth="1"/>
    <col min="38" max="16384" width="9" style="1"/>
  </cols>
  <sheetData>
    <row r="1" spans="1:37" ht="14.25" customHeight="1" thickBot="1" x14ac:dyDescent="0.2">
      <c r="A1" s="2" t="s">
        <v>0</v>
      </c>
      <c r="B1" s="2"/>
      <c r="C1" s="2"/>
      <c r="D1" s="2"/>
      <c r="E1" s="2"/>
      <c r="AH1" s="3"/>
      <c r="AI1" s="3"/>
      <c r="AJ1" s="3"/>
      <c r="AK1" s="3" t="s">
        <v>197</v>
      </c>
    </row>
    <row r="2" spans="1:37" x14ac:dyDescent="0.15">
      <c r="A2" s="4" t="s">
        <v>1</v>
      </c>
      <c r="B2" s="5"/>
      <c r="C2" s="5"/>
      <c r="D2" s="5"/>
      <c r="E2" s="5"/>
      <c r="F2" s="6"/>
      <c r="G2" s="7" t="s">
        <v>2</v>
      </c>
      <c r="H2" s="8"/>
      <c r="I2" s="8"/>
      <c r="J2" s="8"/>
      <c r="K2" s="9"/>
      <c r="L2" s="10" t="s">
        <v>3</v>
      </c>
      <c r="M2" s="8"/>
      <c r="N2" s="8"/>
      <c r="O2" s="8"/>
      <c r="P2" s="8"/>
      <c r="Q2" s="8"/>
      <c r="R2" s="8"/>
      <c r="S2" s="8"/>
      <c r="T2" s="8"/>
      <c r="U2" s="8"/>
      <c r="V2" s="8"/>
      <c r="W2" s="8"/>
      <c r="X2" s="8"/>
      <c r="Y2" s="9"/>
      <c r="Z2" s="155" t="s">
        <v>4</v>
      </c>
      <c r="AA2" s="156"/>
      <c r="AB2" s="156"/>
      <c r="AC2" s="156"/>
      <c r="AD2" s="156"/>
      <c r="AE2" s="156"/>
      <c r="AF2" s="156"/>
      <c r="AG2" s="156"/>
      <c r="AH2" s="8"/>
      <c r="AI2" s="8"/>
      <c r="AJ2" s="8"/>
      <c r="AK2" s="11"/>
    </row>
    <row r="3" spans="1:37" s="12" customFormat="1" x14ac:dyDescent="0.15">
      <c r="A3" s="13"/>
      <c r="B3" s="14"/>
      <c r="C3" s="14"/>
      <c r="D3" s="14"/>
      <c r="E3" s="14"/>
      <c r="F3" s="15"/>
      <c r="G3" s="16" t="s">
        <v>172</v>
      </c>
      <c r="H3" s="17" t="s">
        <v>173</v>
      </c>
      <c r="I3" s="18" t="s">
        <v>5</v>
      </c>
      <c r="J3" s="18" t="s">
        <v>6</v>
      </c>
      <c r="K3" s="19" t="s">
        <v>7</v>
      </c>
      <c r="L3" s="154" t="s">
        <v>8</v>
      </c>
      <c r="M3" s="142"/>
      <c r="N3" s="142"/>
      <c r="O3" s="142"/>
      <c r="P3" s="142"/>
      <c r="Q3" s="142"/>
      <c r="R3" s="142"/>
      <c r="S3" s="142"/>
      <c r="T3" s="142"/>
      <c r="U3" s="142"/>
      <c r="V3" s="18" t="s">
        <v>5</v>
      </c>
      <c r="W3" s="16" t="s">
        <v>9</v>
      </c>
      <c r="X3" s="20" t="s">
        <v>6</v>
      </c>
      <c r="Y3" s="142" t="s">
        <v>7</v>
      </c>
      <c r="Z3" s="131" t="s">
        <v>185</v>
      </c>
      <c r="AA3" s="132"/>
      <c r="AB3" s="132"/>
      <c r="AC3" s="139"/>
      <c r="AD3" s="132"/>
      <c r="AE3" s="132"/>
      <c r="AF3" s="132"/>
      <c r="AG3" s="133"/>
      <c r="AH3" s="20" t="s">
        <v>5</v>
      </c>
      <c r="AI3" s="16" t="s">
        <v>9</v>
      </c>
      <c r="AJ3" s="20" t="s">
        <v>6</v>
      </c>
      <c r="AK3" s="21" t="s">
        <v>7</v>
      </c>
    </row>
    <row r="4" spans="1:37" s="12" customFormat="1" ht="13.5" customHeight="1" x14ac:dyDescent="0.15">
      <c r="A4" s="13"/>
      <c r="B4" s="14"/>
      <c r="C4" s="14"/>
      <c r="D4" s="14"/>
      <c r="E4" s="14"/>
      <c r="F4" s="15"/>
      <c r="G4" s="22"/>
      <c r="H4" s="23"/>
      <c r="I4" s="24"/>
      <c r="J4" s="24"/>
      <c r="K4" s="127"/>
      <c r="L4" s="131" t="s">
        <v>174</v>
      </c>
      <c r="M4" s="132"/>
      <c r="N4" s="132"/>
      <c r="O4" s="132"/>
      <c r="P4" s="132"/>
      <c r="Q4" s="139"/>
      <c r="R4" s="140" t="s">
        <v>34</v>
      </c>
      <c r="S4" s="132"/>
      <c r="T4" s="132"/>
      <c r="U4" s="133"/>
      <c r="V4" s="25"/>
      <c r="W4" s="22"/>
      <c r="X4" s="25"/>
      <c r="Y4" s="143"/>
      <c r="Z4" s="26" t="s">
        <v>186</v>
      </c>
      <c r="AA4" s="147" t="s">
        <v>187</v>
      </c>
      <c r="AB4" s="147" t="s">
        <v>188</v>
      </c>
      <c r="AC4" s="17" t="s">
        <v>192</v>
      </c>
      <c r="AD4" s="147" t="s">
        <v>189</v>
      </c>
      <c r="AE4" s="147" t="s">
        <v>190</v>
      </c>
      <c r="AF4" s="147" t="s">
        <v>191</v>
      </c>
      <c r="AG4" s="27" t="s">
        <v>192</v>
      </c>
      <c r="AH4" s="25"/>
      <c r="AI4" s="22"/>
      <c r="AJ4" s="25"/>
      <c r="AK4" s="28"/>
    </row>
    <row r="5" spans="1:37" s="12" customFormat="1" ht="27" x14ac:dyDescent="0.15">
      <c r="A5" s="29"/>
      <c r="B5" s="30"/>
      <c r="C5" s="30"/>
      <c r="D5" s="30"/>
      <c r="E5" s="30"/>
      <c r="F5" s="31"/>
      <c r="G5" s="32"/>
      <c r="H5" s="33"/>
      <c r="I5" s="34"/>
      <c r="J5" s="34"/>
      <c r="K5" s="128"/>
      <c r="L5" s="35" t="s">
        <v>175</v>
      </c>
      <c r="M5" s="134" t="s">
        <v>176</v>
      </c>
      <c r="N5" s="134" t="s">
        <v>177</v>
      </c>
      <c r="O5" s="134" t="s">
        <v>178</v>
      </c>
      <c r="P5" s="134" t="s">
        <v>179</v>
      </c>
      <c r="Q5" s="122" t="s">
        <v>180</v>
      </c>
      <c r="R5" s="141" t="s">
        <v>181</v>
      </c>
      <c r="S5" s="134" t="s">
        <v>182</v>
      </c>
      <c r="T5" s="134" t="s">
        <v>183</v>
      </c>
      <c r="U5" s="121" t="s">
        <v>184</v>
      </c>
      <c r="V5" s="36"/>
      <c r="W5" s="32"/>
      <c r="X5" s="36"/>
      <c r="Y5" s="144"/>
      <c r="Z5" s="37"/>
      <c r="AA5" s="148"/>
      <c r="AB5" s="148"/>
      <c r="AC5" s="33"/>
      <c r="AD5" s="148"/>
      <c r="AE5" s="148"/>
      <c r="AF5" s="148"/>
      <c r="AG5" s="38"/>
      <c r="AH5" s="36"/>
      <c r="AI5" s="32"/>
      <c r="AJ5" s="36"/>
      <c r="AK5" s="39"/>
    </row>
    <row r="6" spans="1:37" ht="13.5" customHeight="1" x14ac:dyDescent="0.15">
      <c r="A6" s="40" t="s">
        <v>10</v>
      </c>
      <c r="B6" s="2"/>
      <c r="C6" s="2"/>
      <c r="D6" s="2"/>
      <c r="E6" s="2"/>
      <c r="F6" s="2"/>
      <c r="G6" s="41">
        <v>392638931</v>
      </c>
      <c r="H6" s="42">
        <v>15115</v>
      </c>
      <c r="I6" s="43">
        <v>392654046</v>
      </c>
      <c r="J6" s="43">
        <v>0</v>
      </c>
      <c r="K6" s="79">
        <v>392654046</v>
      </c>
      <c r="L6" s="44">
        <v>11759845</v>
      </c>
      <c r="M6" s="135">
        <v>34549455</v>
      </c>
      <c r="N6" s="135">
        <v>3112882</v>
      </c>
      <c r="O6" s="135">
        <v>64806064</v>
      </c>
      <c r="P6" s="135">
        <v>1729382</v>
      </c>
      <c r="Q6" s="42">
        <v>2329980</v>
      </c>
      <c r="R6" s="41">
        <v>3433873</v>
      </c>
      <c r="S6" s="135">
        <v>10914</v>
      </c>
      <c r="T6" s="135">
        <v>1098445</v>
      </c>
      <c r="U6" s="80">
        <v>11946</v>
      </c>
      <c r="V6" s="117">
        <v>515496832</v>
      </c>
      <c r="W6" s="47">
        <v>-219012</v>
      </c>
      <c r="X6" s="48">
        <v>-4813239</v>
      </c>
      <c r="Y6" s="117">
        <v>510464581</v>
      </c>
      <c r="Z6" s="44">
        <v>9055318</v>
      </c>
      <c r="AA6" s="135">
        <v>933070</v>
      </c>
      <c r="AB6" s="135">
        <v>75031</v>
      </c>
      <c r="AC6" s="42">
        <v>10063419</v>
      </c>
      <c r="AD6" s="135">
        <v>564271</v>
      </c>
      <c r="AE6" s="135">
        <v>598007</v>
      </c>
      <c r="AF6" s="135">
        <v>719219</v>
      </c>
      <c r="AG6" s="80">
        <v>1881497</v>
      </c>
      <c r="AH6" s="149">
        <v>522409496</v>
      </c>
      <c r="AI6" s="47">
        <v>-50986</v>
      </c>
      <c r="AJ6" s="48">
        <v>-715894</v>
      </c>
      <c r="AK6" s="50">
        <v>521642616</v>
      </c>
    </row>
    <row r="7" spans="1:37" ht="13.5" customHeight="1" x14ac:dyDescent="0.15">
      <c r="A7" s="51"/>
      <c r="B7" s="52" t="s">
        <v>11</v>
      </c>
      <c r="C7" s="52"/>
      <c r="D7" s="52"/>
      <c r="E7" s="52"/>
      <c r="F7" s="52"/>
      <c r="G7" s="41">
        <v>380998268</v>
      </c>
      <c r="H7" s="53">
        <v>14827</v>
      </c>
      <c r="I7" s="54">
        <v>381013094</v>
      </c>
      <c r="J7" s="54" t="s">
        <v>15</v>
      </c>
      <c r="K7" s="57">
        <v>381013094</v>
      </c>
      <c r="L7" s="55">
        <v>8998908</v>
      </c>
      <c r="M7" s="136">
        <v>31642575</v>
      </c>
      <c r="N7" s="136">
        <v>1939031</v>
      </c>
      <c r="O7" s="136">
        <v>63190987</v>
      </c>
      <c r="P7" s="136">
        <v>601445</v>
      </c>
      <c r="Q7" s="53">
        <v>935357</v>
      </c>
      <c r="R7" s="58">
        <v>1685106</v>
      </c>
      <c r="S7" s="136">
        <v>1111</v>
      </c>
      <c r="T7" s="136">
        <v>966241</v>
      </c>
      <c r="U7" s="59">
        <v>11870</v>
      </c>
      <c r="V7" s="56">
        <v>490985725</v>
      </c>
      <c r="W7" s="58" t="s">
        <v>15</v>
      </c>
      <c r="X7" s="59">
        <v>-4806615</v>
      </c>
      <c r="Y7" s="56">
        <v>486179111</v>
      </c>
      <c r="Z7" s="55">
        <v>8680046</v>
      </c>
      <c r="AA7" s="136">
        <v>325955</v>
      </c>
      <c r="AB7" s="136">
        <v>72771</v>
      </c>
      <c r="AC7" s="53">
        <v>9078773</v>
      </c>
      <c r="AD7" s="136">
        <v>348848</v>
      </c>
      <c r="AE7" s="136">
        <v>572542</v>
      </c>
      <c r="AF7" s="136">
        <v>611825</v>
      </c>
      <c r="AG7" s="59">
        <v>1533215</v>
      </c>
      <c r="AH7" s="124">
        <v>496791098</v>
      </c>
      <c r="AI7" s="58" t="s">
        <v>15</v>
      </c>
      <c r="AJ7" s="59">
        <v>-713070</v>
      </c>
      <c r="AK7" s="60">
        <v>496078028</v>
      </c>
    </row>
    <row r="8" spans="1:37" ht="13.5" customHeight="1" x14ac:dyDescent="0.15">
      <c r="A8" s="51"/>
      <c r="B8" s="52"/>
      <c r="C8" s="52" t="s">
        <v>12</v>
      </c>
      <c r="D8" s="52"/>
      <c r="E8" s="52"/>
      <c r="F8" s="52"/>
      <c r="G8" s="58">
        <v>367659743</v>
      </c>
      <c r="H8" s="61" t="s">
        <v>15</v>
      </c>
      <c r="I8" s="54">
        <v>367659743</v>
      </c>
      <c r="J8" s="54" t="s">
        <v>15</v>
      </c>
      <c r="K8" s="57">
        <v>367659743</v>
      </c>
      <c r="L8" s="55">
        <v>8691833</v>
      </c>
      <c r="M8" s="136">
        <v>26238132</v>
      </c>
      <c r="N8" s="136">
        <v>1144583</v>
      </c>
      <c r="O8" s="136">
        <v>55760124</v>
      </c>
      <c r="P8" s="136">
        <v>600645</v>
      </c>
      <c r="Q8" s="53">
        <v>190523</v>
      </c>
      <c r="R8" s="58" t="s">
        <v>15</v>
      </c>
      <c r="S8" s="136" t="s">
        <v>15</v>
      </c>
      <c r="T8" s="136" t="s">
        <v>15</v>
      </c>
      <c r="U8" s="59" t="s">
        <v>15</v>
      </c>
      <c r="V8" s="56">
        <v>460285583</v>
      </c>
      <c r="W8" s="58" t="s">
        <v>15</v>
      </c>
      <c r="X8" s="59">
        <v>5874</v>
      </c>
      <c r="Y8" s="56">
        <v>460291457</v>
      </c>
      <c r="Z8" s="55">
        <v>8673784</v>
      </c>
      <c r="AA8" s="136">
        <v>0</v>
      </c>
      <c r="AB8" s="136">
        <v>55590</v>
      </c>
      <c r="AC8" s="53">
        <v>8729375</v>
      </c>
      <c r="AD8" s="136">
        <v>0</v>
      </c>
      <c r="AE8" s="136">
        <v>162585</v>
      </c>
      <c r="AF8" s="136">
        <v>596732</v>
      </c>
      <c r="AG8" s="59">
        <v>759317</v>
      </c>
      <c r="AH8" s="124">
        <v>469780149</v>
      </c>
      <c r="AI8" s="58" t="s">
        <v>15</v>
      </c>
      <c r="AJ8" s="59" t="s">
        <v>15</v>
      </c>
      <c r="AK8" s="60">
        <v>469780149</v>
      </c>
    </row>
    <row r="9" spans="1:37" ht="13.5" customHeight="1" x14ac:dyDescent="0.15">
      <c r="A9" s="51"/>
      <c r="B9" s="52"/>
      <c r="C9" s="52"/>
      <c r="D9" s="52" t="s">
        <v>13</v>
      </c>
      <c r="E9" s="52"/>
      <c r="F9" s="52"/>
      <c r="G9" s="41">
        <v>206472751</v>
      </c>
      <c r="H9" s="53" t="s">
        <v>15</v>
      </c>
      <c r="I9" s="54">
        <v>206472751</v>
      </c>
      <c r="J9" s="54" t="s">
        <v>15</v>
      </c>
      <c r="K9" s="57">
        <v>206472751</v>
      </c>
      <c r="L9" s="55">
        <v>7023070</v>
      </c>
      <c r="M9" s="136">
        <v>0</v>
      </c>
      <c r="N9" s="136">
        <v>0</v>
      </c>
      <c r="O9" s="136">
        <v>0</v>
      </c>
      <c r="P9" s="136">
        <v>190357</v>
      </c>
      <c r="Q9" s="53">
        <v>0</v>
      </c>
      <c r="R9" s="58" t="s">
        <v>15</v>
      </c>
      <c r="S9" s="136" t="s">
        <v>15</v>
      </c>
      <c r="T9" s="136" t="s">
        <v>15</v>
      </c>
      <c r="U9" s="59" t="s">
        <v>15</v>
      </c>
      <c r="V9" s="56">
        <v>213686178</v>
      </c>
      <c r="W9" s="58" t="s">
        <v>15</v>
      </c>
      <c r="X9" s="59">
        <v>-6202</v>
      </c>
      <c r="Y9" s="56">
        <v>213679976</v>
      </c>
      <c r="Z9" s="55">
        <v>8653389</v>
      </c>
      <c r="AA9" s="136">
        <v>0</v>
      </c>
      <c r="AB9" s="136">
        <v>54469</v>
      </c>
      <c r="AC9" s="53">
        <v>8707858</v>
      </c>
      <c r="AD9" s="136">
        <v>0</v>
      </c>
      <c r="AE9" s="136">
        <v>156751</v>
      </c>
      <c r="AF9" s="136">
        <v>596732</v>
      </c>
      <c r="AG9" s="59">
        <v>753483</v>
      </c>
      <c r="AH9" s="124">
        <v>223141317</v>
      </c>
      <c r="AI9" s="58" t="s">
        <v>15</v>
      </c>
      <c r="AJ9" s="59" t="s">
        <v>15</v>
      </c>
      <c r="AK9" s="60">
        <v>223141317</v>
      </c>
    </row>
    <row r="10" spans="1:37" ht="13.5" customHeight="1" x14ac:dyDescent="0.15">
      <c r="A10" s="51"/>
      <c r="B10" s="52"/>
      <c r="C10" s="52"/>
      <c r="D10" s="52"/>
      <c r="E10" s="52" t="s">
        <v>14</v>
      </c>
      <c r="F10" s="52"/>
      <c r="G10" s="41">
        <v>144783690</v>
      </c>
      <c r="H10" s="53" t="s">
        <v>15</v>
      </c>
      <c r="I10" s="54">
        <v>144783690</v>
      </c>
      <c r="J10" s="54" t="s">
        <v>15</v>
      </c>
      <c r="K10" s="57">
        <v>144783690</v>
      </c>
      <c r="L10" s="55">
        <v>3366914</v>
      </c>
      <c r="M10" s="136">
        <v>0</v>
      </c>
      <c r="N10" s="136">
        <v>0</v>
      </c>
      <c r="O10" s="136">
        <v>0</v>
      </c>
      <c r="P10" s="136">
        <v>129988</v>
      </c>
      <c r="Q10" s="53">
        <v>0</v>
      </c>
      <c r="R10" s="58" t="s">
        <v>15</v>
      </c>
      <c r="S10" s="136" t="s">
        <v>15</v>
      </c>
      <c r="T10" s="136" t="s">
        <v>15</v>
      </c>
      <c r="U10" s="59" t="s">
        <v>15</v>
      </c>
      <c r="V10" s="56">
        <v>148280592</v>
      </c>
      <c r="W10" s="58" t="s">
        <v>15</v>
      </c>
      <c r="X10" s="59">
        <v>-6202</v>
      </c>
      <c r="Y10" s="56">
        <v>148274390</v>
      </c>
      <c r="Z10" s="55">
        <v>1525909</v>
      </c>
      <c r="AA10" s="136">
        <v>0</v>
      </c>
      <c r="AB10" s="136">
        <v>0</v>
      </c>
      <c r="AC10" s="53">
        <v>1525909</v>
      </c>
      <c r="AD10" s="136">
        <v>0</v>
      </c>
      <c r="AE10" s="136">
        <v>0</v>
      </c>
      <c r="AF10" s="136">
        <v>498908</v>
      </c>
      <c r="AG10" s="59">
        <v>498908</v>
      </c>
      <c r="AH10" s="124">
        <v>150299207</v>
      </c>
      <c r="AI10" s="58" t="s">
        <v>15</v>
      </c>
      <c r="AJ10" s="59" t="s">
        <v>15</v>
      </c>
      <c r="AK10" s="60">
        <v>150299207</v>
      </c>
    </row>
    <row r="11" spans="1:37" ht="13.5" customHeight="1" x14ac:dyDescent="0.15">
      <c r="A11" s="40"/>
      <c r="B11" s="2"/>
      <c r="C11" s="2"/>
      <c r="D11" s="2"/>
      <c r="E11" s="2" t="s">
        <v>16</v>
      </c>
      <c r="F11" s="2"/>
      <c r="G11" s="153"/>
      <c r="H11" s="152"/>
      <c r="I11" s="157"/>
      <c r="J11" s="157"/>
      <c r="K11" s="158"/>
      <c r="L11" s="55">
        <v>0</v>
      </c>
      <c r="M11" s="136">
        <v>0</v>
      </c>
      <c r="N11" s="136">
        <v>0</v>
      </c>
      <c r="O11" s="136">
        <v>0</v>
      </c>
      <c r="P11" s="136">
        <v>0</v>
      </c>
      <c r="Q11" s="53">
        <v>0</v>
      </c>
      <c r="R11" s="58" t="s">
        <v>15</v>
      </c>
      <c r="S11" s="136" t="s">
        <v>15</v>
      </c>
      <c r="T11" s="136" t="s">
        <v>15</v>
      </c>
      <c r="U11" s="59" t="s">
        <v>15</v>
      </c>
      <c r="V11" s="56">
        <v>0</v>
      </c>
      <c r="W11" s="58" t="s">
        <v>15</v>
      </c>
      <c r="X11" s="59" t="s">
        <v>15</v>
      </c>
      <c r="Y11" s="56">
        <v>0</v>
      </c>
      <c r="Z11" s="55">
        <v>0</v>
      </c>
      <c r="AA11" s="136">
        <v>0</v>
      </c>
      <c r="AB11" s="136">
        <v>0</v>
      </c>
      <c r="AC11" s="53">
        <v>0</v>
      </c>
      <c r="AD11" s="136">
        <v>0</v>
      </c>
      <c r="AE11" s="136">
        <v>0</v>
      </c>
      <c r="AF11" s="136">
        <v>0</v>
      </c>
      <c r="AG11" s="59">
        <v>0</v>
      </c>
      <c r="AH11" s="124">
        <v>0</v>
      </c>
      <c r="AI11" s="58" t="s">
        <v>15</v>
      </c>
      <c r="AJ11" s="59" t="s">
        <v>15</v>
      </c>
      <c r="AK11" s="60">
        <v>0</v>
      </c>
    </row>
    <row r="12" spans="1:37" ht="13.5" customHeight="1" x14ac:dyDescent="0.15">
      <c r="A12" s="51"/>
      <c r="B12" s="52"/>
      <c r="C12" s="52"/>
      <c r="D12" s="52"/>
      <c r="E12" s="52" t="s">
        <v>17</v>
      </c>
      <c r="F12" s="62"/>
      <c r="G12" s="41" t="s">
        <v>15</v>
      </c>
      <c r="H12" s="53" t="s">
        <v>15</v>
      </c>
      <c r="I12" s="54" t="s">
        <v>15</v>
      </c>
      <c r="J12" s="54" t="s">
        <v>15</v>
      </c>
      <c r="K12" s="57" t="s">
        <v>15</v>
      </c>
      <c r="L12" s="55">
        <v>0</v>
      </c>
      <c r="M12" s="136">
        <v>0</v>
      </c>
      <c r="N12" s="136">
        <v>0</v>
      </c>
      <c r="O12" s="136">
        <v>0</v>
      </c>
      <c r="P12" s="136">
        <v>0</v>
      </c>
      <c r="Q12" s="53">
        <v>0</v>
      </c>
      <c r="R12" s="58" t="s">
        <v>15</v>
      </c>
      <c r="S12" s="136" t="s">
        <v>15</v>
      </c>
      <c r="T12" s="136" t="s">
        <v>15</v>
      </c>
      <c r="U12" s="59" t="s">
        <v>15</v>
      </c>
      <c r="V12" s="56">
        <v>0</v>
      </c>
      <c r="W12" s="58" t="s">
        <v>15</v>
      </c>
      <c r="X12" s="59" t="s">
        <v>15</v>
      </c>
      <c r="Y12" s="56">
        <v>0</v>
      </c>
      <c r="Z12" s="55">
        <v>0</v>
      </c>
      <c r="AA12" s="136">
        <v>0</v>
      </c>
      <c r="AB12" s="136">
        <v>0</v>
      </c>
      <c r="AC12" s="53">
        <v>0</v>
      </c>
      <c r="AD12" s="136">
        <v>0</v>
      </c>
      <c r="AE12" s="136">
        <v>0</v>
      </c>
      <c r="AF12" s="136">
        <v>0</v>
      </c>
      <c r="AG12" s="59">
        <v>0</v>
      </c>
      <c r="AH12" s="124">
        <v>0</v>
      </c>
      <c r="AI12" s="58" t="s">
        <v>15</v>
      </c>
      <c r="AJ12" s="59" t="s">
        <v>15</v>
      </c>
      <c r="AK12" s="60">
        <v>0</v>
      </c>
    </row>
    <row r="13" spans="1:37" ht="13.5" customHeight="1" x14ac:dyDescent="0.15">
      <c r="A13" s="40"/>
      <c r="B13" s="2"/>
      <c r="C13" s="2"/>
      <c r="D13" s="2"/>
      <c r="E13" s="63" t="s">
        <v>18</v>
      </c>
      <c r="F13" s="2"/>
      <c r="G13" s="153"/>
      <c r="H13" s="152"/>
      <c r="I13" s="157"/>
      <c r="J13" s="157"/>
      <c r="K13" s="158"/>
      <c r="L13" s="55">
        <v>0</v>
      </c>
      <c r="M13" s="136">
        <v>0</v>
      </c>
      <c r="N13" s="136">
        <v>0</v>
      </c>
      <c r="O13" s="136">
        <v>0</v>
      </c>
      <c r="P13" s="136">
        <v>0</v>
      </c>
      <c r="Q13" s="53">
        <v>0</v>
      </c>
      <c r="R13" s="58" t="s">
        <v>15</v>
      </c>
      <c r="S13" s="136" t="s">
        <v>15</v>
      </c>
      <c r="T13" s="136" t="s">
        <v>15</v>
      </c>
      <c r="U13" s="59" t="s">
        <v>15</v>
      </c>
      <c r="V13" s="56">
        <v>0</v>
      </c>
      <c r="W13" s="58" t="s">
        <v>15</v>
      </c>
      <c r="X13" s="59" t="s">
        <v>15</v>
      </c>
      <c r="Y13" s="56">
        <v>0</v>
      </c>
      <c r="Z13" s="55">
        <v>0</v>
      </c>
      <c r="AA13" s="136">
        <v>0</v>
      </c>
      <c r="AB13" s="136">
        <v>0</v>
      </c>
      <c r="AC13" s="53">
        <v>0</v>
      </c>
      <c r="AD13" s="136">
        <v>0</v>
      </c>
      <c r="AE13" s="136">
        <v>0</v>
      </c>
      <c r="AF13" s="136">
        <v>0</v>
      </c>
      <c r="AG13" s="59">
        <v>0</v>
      </c>
      <c r="AH13" s="124">
        <v>0</v>
      </c>
      <c r="AI13" s="58" t="s">
        <v>15</v>
      </c>
      <c r="AJ13" s="59" t="s">
        <v>15</v>
      </c>
      <c r="AK13" s="60">
        <v>0</v>
      </c>
    </row>
    <row r="14" spans="1:37" ht="13.5" customHeight="1" x14ac:dyDescent="0.15">
      <c r="A14" s="51"/>
      <c r="B14" s="52"/>
      <c r="C14" s="52"/>
      <c r="D14" s="52"/>
      <c r="E14" s="52" t="s">
        <v>19</v>
      </c>
      <c r="F14" s="52"/>
      <c r="G14" s="41">
        <v>141681209</v>
      </c>
      <c r="H14" s="53" t="s">
        <v>15</v>
      </c>
      <c r="I14" s="54">
        <v>141681209</v>
      </c>
      <c r="J14" s="54" t="s">
        <v>15</v>
      </c>
      <c r="K14" s="57">
        <v>141681209</v>
      </c>
      <c r="L14" s="55">
        <v>11614833</v>
      </c>
      <c r="M14" s="136">
        <v>0</v>
      </c>
      <c r="N14" s="136">
        <v>0</v>
      </c>
      <c r="O14" s="136">
        <v>0</v>
      </c>
      <c r="P14" s="136">
        <v>165855</v>
      </c>
      <c r="Q14" s="53">
        <v>0</v>
      </c>
      <c r="R14" s="58" t="s">
        <v>15</v>
      </c>
      <c r="S14" s="136" t="s">
        <v>15</v>
      </c>
      <c r="T14" s="136" t="s">
        <v>15</v>
      </c>
      <c r="U14" s="59" t="s">
        <v>15</v>
      </c>
      <c r="V14" s="56">
        <v>153461896</v>
      </c>
      <c r="W14" s="58" t="s">
        <v>15</v>
      </c>
      <c r="X14" s="59" t="s">
        <v>15</v>
      </c>
      <c r="Y14" s="56">
        <v>153461896</v>
      </c>
      <c r="Z14" s="55">
        <v>3455721</v>
      </c>
      <c r="AA14" s="136">
        <v>0</v>
      </c>
      <c r="AB14" s="136">
        <v>211800</v>
      </c>
      <c r="AC14" s="53">
        <v>3667521</v>
      </c>
      <c r="AD14" s="136">
        <v>0</v>
      </c>
      <c r="AE14" s="136">
        <v>397845</v>
      </c>
      <c r="AF14" s="136">
        <v>293045</v>
      </c>
      <c r="AG14" s="59">
        <v>690889</v>
      </c>
      <c r="AH14" s="124">
        <v>157820307</v>
      </c>
      <c r="AI14" s="58" t="s">
        <v>15</v>
      </c>
      <c r="AJ14" s="59" t="s">
        <v>15</v>
      </c>
      <c r="AK14" s="60">
        <v>157820307</v>
      </c>
    </row>
    <row r="15" spans="1:37" ht="13.5" customHeight="1" x14ac:dyDescent="0.15">
      <c r="A15" s="40"/>
      <c r="B15" s="2"/>
      <c r="C15" s="2"/>
      <c r="D15" s="2"/>
      <c r="E15" s="2" t="s">
        <v>20</v>
      </c>
      <c r="F15" s="2"/>
      <c r="G15" s="41">
        <v>-82947744</v>
      </c>
      <c r="H15" s="53" t="s">
        <v>15</v>
      </c>
      <c r="I15" s="54">
        <v>-82947744</v>
      </c>
      <c r="J15" s="54" t="s">
        <v>15</v>
      </c>
      <c r="K15" s="57">
        <v>-82947744</v>
      </c>
      <c r="L15" s="55">
        <v>-8021387</v>
      </c>
      <c r="M15" s="136">
        <v>0</v>
      </c>
      <c r="N15" s="136">
        <v>0</v>
      </c>
      <c r="O15" s="136">
        <v>0</v>
      </c>
      <c r="P15" s="136">
        <v>-148068</v>
      </c>
      <c r="Q15" s="53">
        <v>0</v>
      </c>
      <c r="R15" s="58" t="s">
        <v>15</v>
      </c>
      <c r="S15" s="136" t="s">
        <v>15</v>
      </c>
      <c r="T15" s="136" t="s">
        <v>15</v>
      </c>
      <c r="U15" s="59" t="s">
        <v>15</v>
      </c>
      <c r="V15" s="56">
        <v>-91117199</v>
      </c>
      <c r="W15" s="58" t="s">
        <v>15</v>
      </c>
      <c r="X15" s="59" t="s">
        <v>15</v>
      </c>
      <c r="Y15" s="56">
        <v>-91117199</v>
      </c>
      <c r="Z15" s="55">
        <v>-372858</v>
      </c>
      <c r="AA15" s="136">
        <v>0</v>
      </c>
      <c r="AB15" s="136">
        <v>-161047</v>
      </c>
      <c r="AC15" s="53">
        <v>-533905</v>
      </c>
      <c r="AD15" s="136">
        <v>0</v>
      </c>
      <c r="AE15" s="136">
        <v>-241094</v>
      </c>
      <c r="AF15" s="136">
        <v>-202020</v>
      </c>
      <c r="AG15" s="59">
        <v>-443114</v>
      </c>
      <c r="AH15" s="124">
        <v>-92094217</v>
      </c>
      <c r="AI15" s="58" t="s">
        <v>15</v>
      </c>
      <c r="AJ15" s="59" t="s">
        <v>15</v>
      </c>
      <c r="AK15" s="60">
        <v>-92094217</v>
      </c>
    </row>
    <row r="16" spans="1:37" ht="13.5" customHeight="1" x14ac:dyDescent="0.15">
      <c r="A16" s="51"/>
      <c r="B16" s="52"/>
      <c r="C16" s="52"/>
      <c r="D16" s="52"/>
      <c r="E16" s="52" t="s">
        <v>21</v>
      </c>
      <c r="F16" s="62"/>
      <c r="G16" s="153"/>
      <c r="H16" s="152"/>
      <c r="I16" s="157"/>
      <c r="J16" s="157"/>
      <c r="K16" s="158"/>
      <c r="L16" s="55">
        <v>0</v>
      </c>
      <c r="M16" s="136">
        <v>0</v>
      </c>
      <c r="N16" s="136">
        <v>0</v>
      </c>
      <c r="O16" s="136">
        <v>0</v>
      </c>
      <c r="P16" s="136">
        <v>0</v>
      </c>
      <c r="Q16" s="53">
        <v>0</v>
      </c>
      <c r="R16" s="58" t="s">
        <v>15</v>
      </c>
      <c r="S16" s="136" t="s">
        <v>15</v>
      </c>
      <c r="T16" s="136" t="s">
        <v>15</v>
      </c>
      <c r="U16" s="59" t="s">
        <v>15</v>
      </c>
      <c r="V16" s="56">
        <v>0</v>
      </c>
      <c r="W16" s="58" t="s">
        <v>15</v>
      </c>
      <c r="X16" s="59" t="s">
        <v>15</v>
      </c>
      <c r="Y16" s="56">
        <v>0</v>
      </c>
      <c r="Z16" s="55">
        <v>0</v>
      </c>
      <c r="AA16" s="136">
        <v>0</v>
      </c>
      <c r="AB16" s="136">
        <v>0</v>
      </c>
      <c r="AC16" s="53">
        <v>0</v>
      </c>
      <c r="AD16" s="136">
        <v>0</v>
      </c>
      <c r="AE16" s="136">
        <v>0</v>
      </c>
      <c r="AF16" s="136">
        <v>0</v>
      </c>
      <c r="AG16" s="59">
        <v>0</v>
      </c>
      <c r="AH16" s="124">
        <v>0</v>
      </c>
      <c r="AI16" s="58" t="s">
        <v>15</v>
      </c>
      <c r="AJ16" s="59" t="s">
        <v>15</v>
      </c>
      <c r="AK16" s="60">
        <v>0</v>
      </c>
    </row>
    <row r="17" spans="1:37" ht="13.5" customHeight="1" x14ac:dyDescent="0.15">
      <c r="A17" s="51"/>
      <c r="B17" s="52"/>
      <c r="C17" s="52"/>
      <c r="D17" s="52"/>
      <c r="E17" s="52" t="s">
        <v>22</v>
      </c>
      <c r="F17" s="52"/>
      <c r="G17" s="41">
        <v>5964280</v>
      </c>
      <c r="H17" s="53" t="s">
        <v>15</v>
      </c>
      <c r="I17" s="54">
        <v>5964280</v>
      </c>
      <c r="J17" s="54" t="s">
        <v>15</v>
      </c>
      <c r="K17" s="57">
        <v>5964280</v>
      </c>
      <c r="L17" s="55">
        <v>294220</v>
      </c>
      <c r="M17" s="136">
        <v>0</v>
      </c>
      <c r="N17" s="136">
        <v>0</v>
      </c>
      <c r="O17" s="136">
        <v>0</v>
      </c>
      <c r="P17" s="136">
        <v>201396</v>
      </c>
      <c r="Q17" s="53">
        <v>0</v>
      </c>
      <c r="R17" s="58" t="s">
        <v>15</v>
      </c>
      <c r="S17" s="136" t="s">
        <v>15</v>
      </c>
      <c r="T17" s="136" t="s">
        <v>15</v>
      </c>
      <c r="U17" s="59" t="s">
        <v>15</v>
      </c>
      <c r="V17" s="56">
        <v>6459896</v>
      </c>
      <c r="W17" s="58" t="s">
        <v>15</v>
      </c>
      <c r="X17" s="59" t="s">
        <v>15</v>
      </c>
      <c r="Y17" s="56">
        <v>6459896</v>
      </c>
      <c r="Z17" s="55">
        <v>4928192</v>
      </c>
      <c r="AA17" s="136">
        <v>0</v>
      </c>
      <c r="AB17" s="136">
        <v>51061</v>
      </c>
      <c r="AC17" s="53">
        <v>4979253</v>
      </c>
      <c r="AD17" s="136">
        <v>0</v>
      </c>
      <c r="AE17" s="136">
        <v>0</v>
      </c>
      <c r="AF17" s="136">
        <v>7285</v>
      </c>
      <c r="AG17" s="59">
        <v>7285</v>
      </c>
      <c r="AH17" s="124">
        <v>11446434</v>
      </c>
      <c r="AI17" s="58" t="s">
        <v>15</v>
      </c>
      <c r="AJ17" s="59" t="s">
        <v>15</v>
      </c>
      <c r="AK17" s="60">
        <v>11446434</v>
      </c>
    </row>
    <row r="18" spans="1:37" ht="13.5" customHeight="1" x14ac:dyDescent="0.15">
      <c r="A18" s="40"/>
      <c r="B18" s="2"/>
      <c r="C18" s="2"/>
      <c r="D18" s="2"/>
      <c r="E18" s="63" t="s">
        <v>23</v>
      </c>
      <c r="F18" s="2"/>
      <c r="G18" s="41">
        <v>-3063068</v>
      </c>
      <c r="H18" s="53" t="s">
        <v>15</v>
      </c>
      <c r="I18" s="54">
        <v>-3063068</v>
      </c>
      <c r="J18" s="54" t="s">
        <v>15</v>
      </c>
      <c r="K18" s="57">
        <v>-3063068</v>
      </c>
      <c r="L18" s="55">
        <v>-231511</v>
      </c>
      <c r="M18" s="136">
        <v>0</v>
      </c>
      <c r="N18" s="136">
        <v>0</v>
      </c>
      <c r="O18" s="136">
        <v>0</v>
      </c>
      <c r="P18" s="136">
        <v>-167068</v>
      </c>
      <c r="Q18" s="53">
        <v>0</v>
      </c>
      <c r="R18" s="58" t="s">
        <v>15</v>
      </c>
      <c r="S18" s="136" t="s">
        <v>15</v>
      </c>
      <c r="T18" s="136" t="s">
        <v>15</v>
      </c>
      <c r="U18" s="59" t="s">
        <v>15</v>
      </c>
      <c r="V18" s="56">
        <v>-3461646</v>
      </c>
      <c r="W18" s="58" t="s">
        <v>15</v>
      </c>
      <c r="X18" s="59" t="s">
        <v>15</v>
      </c>
      <c r="Y18" s="56">
        <v>-3461646</v>
      </c>
      <c r="Z18" s="55">
        <v>-896225</v>
      </c>
      <c r="AA18" s="136">
        <v>0</v>
      </c>
      <c r="AB18" s="136">
        <v>-47346</v>
      </c>
      <c r="AC18" s="53">
        <v>-943570</v>
      </c>
      <c r="AD18" s="136">
        <v>0</v>
      </c>
      <c r="AE18" s="136">
        <v>0</v>
      </c>
      <c r="AF18" s="136">
        <v>-486</v>
      </c>
      <c r="AG18" s="59">
        <v>-486</v>
      </c>
      <c r="AH18" s="124">
        <v>-4405702</v>
      </c>
      <c r="AI18" s="58" t="s">
        <v>15</v>
      </c>
      <c r="AJ18" s="59" t="s">
        <v>15</v>
      </c>
      <c r="AK18" s="60">
        <v>-4405702</v>
      </c>
    </row>
    <row r="19" spans="1:37" ht="13.5" customHeight="1" x14ac:dyDescent="0.15">
      <c r="A19" s="51"/>
      <c r="B19" s="52"/>
      <c r="C19" s="52"/>
      <c r="D19" s="52"/>
      <c r="E19" s="64" t="s">
        <v>24</v>
      </c>
      <c r="F19" s="62"/>
      <c r="G19" s="153"/>
      <c r="H19" s="152"/>
      <c r="I19" s="157"/>
      <c r="J19" s="157"/>
      <c r="K19" s="158"/>
      <c r="L19" s="55">
        <v>0</v>
      </c>
      <c r="M19" s="136">
        <v>0</v>
      </c>
      <c r="N19" s="136">
        <v>0</v>
      </c>
      <c r="O19" s="136">
        <v>0</v>
      </c>
      <c r="P19" s="136">
        <v>0</v>
      </c>
      <c r="Q19" s="53">
        <v>0</v>
      </c>
      <c r="R19" s="58" t="s">
        <v>15</v>
      </c>
      <c r="S19" s="136" t="s">
        <v>15</v>
      </c>
      <c r="T19" s="136" t="s">
        <v>15</v>
      </c>
      <c r="U19" s="59" t="s">
        <v>15</v>
      </c>
      <c r="V19" s="56">
        <v>0</v>
      </c>
      <c r="W19" s="58" t="s">
        <v>15</v>
      </c>
      <c r="X19" s="59" t="s">
        <v>15</v>
      </c>
      <c r="Y19" s="56">
        <v>0</v>
      </c>
      <c r="Z19" s="55">
        <v>0</v>
      </c>
      <c r="AA19" s="136">
        <v>0</v>
      </c>
      <c r="AB19" s="136">
        <v>0</v>
      </c>
      <c r="AC19" s="53">
        <v>0</v>
      </c>
      <c r="AD19" s="136">
        <v>0</v>
      </c>
      <c r="AE19" s="136">
        <v>0</v>
      </c>
      <c r="AF19" s="136">
        <v>0</v>
      </c>
      <c r="AG19" s="59">
        <v>0</v>
      </c>
      <c r="AH19" s="124">
        <v>0</v>
      </c>
      <c r="AI19" s="58" t="s">
        <v>15</v>
      </c>
      <c r="AJ19" s="59" t="s">
        <v>15</v>
      </c>
      <c r="AK19" s="60">
        <v>0</v>
      </c>
    </row>
    <row r="20" spans="1:37" ht="13.5" customHeight="1" x14ac:dyDescent="0.15">
      <c r="A20" s="51"/>
      <c r="B20" s="52"/>
      <c r="C20" s="52"/>
      <c r="D20" s="52"/>
      <c r="E20" s="52" t="s">
        <v>25</v>
      </c>
      <c r="F20" s="52"/>
      <c r="G20" s="41" t="s">
        <v>15</v>
      </c>
      <c r="H20" s="53" t="s">
        <v>15</v>
      </c>
      <c r="I20" s="54" t="s">
        <v>15</v>
      </c>
      <c r="J20" s="54" t="s">
        <v>15</v>
      </c>
      <c r="K20" s="57" t="s">
        <v>15</v>
      </c>
      <c r="L20" s="55">
        <v>0</v>
      </c>
      <c r="M20" s="136">
        <v>0</v>
      </c>
      <c r="N20" s="136">
        <v>0</v>
      </c>
      <c r="O20" s="136">
        <v>0</v>
      </c>
      <c r="P20" s="136">
        <v>0</v>
      </c>
      <c r="Q20" s="53">
        <v>0</v>
      </c>
      <c r="R20" s="58" t="s">
        <v>15</v>
      </c>
      <c r="S20" s="136" t="s">
        <v>15</v>
      </c>
      <c r="T20" s="136" t="s">
        <v>15</v>
      </c>
      <c r="U20" s="59" t="s">
        <v>15</v>
      </c>
      <c r="V20" s="56">
        <v>0</v>
      </c>
      <c r="W20" s="58" t="s">
        <v>15</v>
      </c>
      <c r="X20" s="59" t="s">
        <v>15</v>
      </c>
      <c r="Y20" s="56">
        <v>0</v>
      </c>
      <c r="Z20" s="55">
        <v>0</v>
      </c>
      <c r="AA20" s="136">
        <v>0</v>
      </c>
      <c r="AB20" s="136">
        <v>0</v>
      </c>
      <c r="AC20" s="53">
        <v>0</v>
      </c>
      <c r="AD20" s="136">
        <v>0</v>
      </c>
      <c r="AE20" s="136">
        <v>0</v>
      </c>
      <c r="AF20" s="136">
        <v>0</v>
      </c>
      <c r="AG20" s="59">
        <v>0</v>
      </c>
      <c r="AH20" s="124">
        <v>0</v>
      </c>
      <c r="AI20" s="58" t="s">
        <v>15</v>
      </c>
      <c r="AJ20" s="59" t="s">
        <v>15</v>
      </c>
      <c r="AK20" s="60">
        <v>0</v>
      </c>
    </row>
    <row r="21" spans="1:37" ht="13.5" customHeight="1" x14ac:dyDescent="0.15">
      <c r="A21" s="40"/>
      <c r="B21" s="2"/>
      <c r="C21" s="2"/>
      <c r="D21" s="2"/>
      <c r="E21" s="2" t="s">
        <v>26</v>
      </c>
      <c r="F21" s="2"/>
      <c r="G21" s="41" t="s">
        <v>15</v>
      </c>
      <c r="H21" s="53" t="s">
        <v>15</v>
      </c>
      <c r="I21" s="54" t="s">
        <v>15</v>
      </c>
      <c r="J21" s="54" t="s">
        <v>15</v>
      </c>
      <c r="K21" s="57" t="s">
        <v>15</v>
      </c>
      <c r="L21" s="55">
        <v>0</v>
      </c>
      <c r="M21" s="136">
        <v>0</v>
      </c>
      <c r="N21" s="136">
        <v>0</v>
      </c>
      <c r="O21" s="136">
        <v>0</v>
      </c>
      <c r="P21" s="136">
        <v>0</v>
      </c>
      <c r="Q21" s="53">
        <v>0</v>
      </c>
      <c r="R21" s="58" t="s">
        <v>15</v>
      </c>
      <c r="S21" s="136" t="s">
        <v>15</v>
      </c>
      <c r="T21" s="136" t="s">
        <v>15</v>
      </c>
      <c r="U21" s="59" t="s">
        <v>15</v>
      </c>
      <c r="V21" s="56">
        <v>0</v>
      </c>
      <c r="W21" s="58" t="s">
        <v>15</v>
      </c>
      <c r="X21" s="59" t="s">
        <v>15</v>
      </c>
      <c r="Y21" s="56">
        <v>0</v>
      </c>
      <c r="Z21" s="55">
        <v>0</v>
      </c>
      <c r="AA21" s="136">
        <v>0</v>
      </c>
      <c r="AB21" s="136">
        <v>0</v>
      </c>
      <c r="AC21" s="53">
        <v>0</v>
      </c>
      <c r="AD21" s="136">
        <v>0</v>
      </c>
      <c r="AE21" s="136">
        <v>0</v>
      </c>
      <c r="AF21" s="136">
        <v>0</v>
      </c>
      <c r="AG21" s="59">
        <v>0</v>
      </c>
      <c r="AH21" s="124">
        <v>0</v>
      </c>
      <c r="AI21" s="58" t="s">
        <v>15</v>
      </c>
      <c r="AJ21" s="59" t="s">
        <v>15</v>
      </c>
      <c r="AK21" s="60">
        <v>0</v>
      </c>
    </row>
    <row r="22" spans="1:37" ht="13.5" customHeight="1" x14ac:dyDescent="0.15">
      <c r="A22" s="51"/>
      <c r="B22" s="52"/>
      <c r="C22" s="52"/>
      <c r="D22" s="52"/>
      <c r="E22" s="52" t="s">
        <v>27</v>
      </c>
      <c r="F22" s="62"/>
      <c r="G22" s="153"/>
      <c r="H22" s="152"/>
      <c r="I22" s="157"/>
      <c r="J22" s="157"/>
      <c r="K22" s="158"/>
      <c r="L22" s="55">
        <v>0</v>
      </c>
      <c r="M22" s="136">
        <v>0</v>
      </c>
      <c r="N22" s="136">
        <v>0</v>
      </c>
      <c r="O22" s="136">
        <v>0</v>
      </c>
      <c r="P22" s="136">
        <v>0</v>
      </c>
      <c r="Q22" s="53">
        <v>0</v>
      </c>
      <c r="R22" s="58" t="s">
        <v>15</v>
      </c>
      <c r="S22" s="136" t="s">
        <v>15</v>
      </c>
      <c r="T22" s="136" t="s">
        <v>15</v>
      </c>
      <c r="U22" s="59" t="s">
        <v>15</v>
      </c>
      <c r="V22" s="56">
        <v>0</v>
      </c>
      <c r="W22" s="58" t="s">
        <v>15</v>
      </c>
      <c r="X22" s="59" t="s">
        <v>15</v>
      </c>
      <c r="Y22" s="56">
        <v>0</v>
      </c>
      <c r="Z22" s="55">
        <v>0</v>
      </c>
      <c r="AA22" s="136">
        <v>0</v>
      </c>
      <c r="AB22" s="136">
        <v>0</v>
      </c>
      <c r="AC22" s="53">
        <v>0</v>
      </c>
      <c r="AD22" s="136">
        <v>0</v>
      </c>
      <c r="AE22" s="136">
        <v>0</v>
      </c>
      <c r="AF22" s="136">
        <v>0</v>
      </c>
      <c r="AG22" s="59">
        <v>0</v>
      </c>
      <c r="AH22" s="124">
        <v>0</v>
      </c>
      <c r="AI22" s="58" t="s">
        <v>15</v>
      </c>
      <c r="AJ22" s="59" t="s">
        <v>15</v>
      </c>
      <c r="AK22" s="60">
        <v>0</v>
      </c>
    </row>
    <row r="23" spans="1:37" ht="13.5" customHeight="1" x14ac:dyDescent="0.15">
      <c r="A23" s="51"/>
      <c r="B23" s="52"/>
      <c r="C23" s="52"/>
      <c r="D23" s="52"/>
      <c r="E23" s="52" t="s">
        <v>28</v>
      </c>
      <c r="F23" s="52"/>
      <c r="G23" s="41" t="s">
        <v>15</v>
      </c>
      <c r="H23" s="53" t="s">
        <v>15</v>
      </c>
      <c r="I23" s="54" t="s">
        <v>15</v>
      </c>
      <c r="J23" s="54" t="s">
        <v>15</v>
      </c>
      <c r="K23" s="57" t="s">
        <v>15</v>
      </c>
      <c r="L23" s="55">
        <v>0</v>
      </c>
      <c r="M23" s="136">
        <v>0</v>
      </c>
      <c r="N23" s="136">
        <v>0</v>
      </c>
      <c r="O23" s="136">
        <v>0</v>
      </c>
      <c r="P23" s="136">
        <v>0</v>
      </c>
      <c r="Q23" s="53">
        <v>0</v>
      </c>
      <c r="R23" s="58" t="s">
        <v>15</v>
      </c>
      <c r="S23" s="136" t="s">
        <v>15</v>
      </c>
      <c r="T23" s="136" t="s">
        <v>15</v>
      </c>
      <c r="U23" s="59" t="s">
        <v>15</v>
      </c>
      <c r="V23" s="56">
        <v>0</v>
      </c>
      <c r="W23" s="58" t="s">
        <v>15</v>
      </c>
      <c r="X23" s="59" t="s">
        <v>15</v>
      </c>
      <c r="Y23" s="56">
        <v>0</v>
      </c>
      <c r="Z23" s="55">
        <v>0</v>
      </c>
      <c r="AA23" s="136">
        <v>0</v>
      </c>
      <c r="AB23" s="136">
        <v>0</v>
      </c>
      <c r="AC23" s="53">
        <v>0</v>
      </c>
      <c r="AD23" s="136">
        <v>0</v>
      </c>
      <c r="AE23" s="136">
        <v>0</v>
      </c>
      <c r="AF23" s="136">
        <v>0</v>
      </c>
      <c r="AG23" s="59">
        <v>0</v>
      </c>
      <c r="AH23" s="124">
        <v>0</v>
      </c>
      <c r="AI23" s="58" t="s">
        <v>15</v>
      </c>
      <c r="AJ23" s="59" t="s">
        <v>15</v>
      </c>
      <c r="AK23" s="60">
        <v>0</v>
      </c>
    </row>
    <row r="24" spans="1:37" ht="13.5" customHeight="1" x14ac:dyDescent="0.15">
      <c r="A24" s="40"/>
      <c r="B24" s="2"/>
      <c r="C24" s="2"/>
      <c r="D24" s="2"/>
      <c r="E24" s="63" t="s">
        <v>29</v>
      </c>
      <c r="F24" s="2"/>
      <c r="G24" s="41" t="s">
        <v>15</v>
      </c>
      <c r="H24" s="53" t="s">
        <v>15</v>
      </c>
      <c r="I24" s="54" t="s">
        <v>15</v>
      </c>
      <c r="J24" s="54" t="s">
        <v>15</v>
      </c>
      <c r="K24" s="57" t="s">
        <v>15</v>
      </c>
      <c r="L24" s="55">
        <v>0</v>
      </c>
      <c r="M24" s="136">
        <v>0</v>
      </c>
      <c r="N24" s="136">
        <v>0</v>
      </c>
      <c r="O24" s="136">
        <v>0</v>
      </c>
      <c r="P24" s="136">
        <v>0</v>
      </c>
      <c r="Q24" s="53">
        <v>0</v>
      </c>
      <c r="R24" s="58" t="s">
        <v>15</v>
      </c>
      <c r="S24" s="136" t="s">
        <v>15</v>
      </c>
      <c r="T24" s="136" t="s">
        <v>15</v>
      </c>
      <c r="U24" s="59" t="s">
        <v>15</v>
      </c>
      <c r="V24" s="56">
        <v>0</v>
      </c>
      <c r="W24" s="58" t="s">
        <v>15</v>
      </c>
      <c r="X24" s="59" t="s">
        <v>15</v>
      </c>
      <c r="Y24" s="56">
        <v>0</v>
      </c>
      <c r="Z24" s="55">
        <v>0</v>
      </c>
      <c r="AA24" s="136">
        <v>0</v>
      </c>
      <c r="AB24" s="136">
        <v>0</v>
      </c>
      <c r="AC24" s="53">
        <v>0</v>
      </c>
      <c r="AD24" s="136">
        <v>0</v>
      </c>
      <c r="AE24" s="136">
        <v>0</v>
      </c>
      <c r="AF24" s="136">
        <v>0</v>
      </c>
      <c r="AG24" s="59">
        <v>0</v>
      </c>
      <c r="AH24" s="124">
        <v>0</v>
      </c>
      <c r="AI24" s="58" t="s">
        <v>15</v>
      </c>
      <c r="AJ24" s="59" t="s">
        <v>15</v>
      </c>
      <c r="AK24" s="60">
        <v>0</v>
      </c>
    </row>
    <row r="25" spans="1:37" ht="13.5" customHeight="1" x14ac:dyDescent="0.15">
      <c r="A25" s="51"/>
      <c r="B25" s="52"/>
      <c r="C25" s="52"/>
      <c r="D25" s="52"/>
      <c r="E25" s="64" t="s">
        <v>30</v>
      </c>
      <c r="F25" s="62"/>
      <c r="G25" s="153"/>
      <c r="H25" s="152"/>
      <c r="I25" s="157"/>
      <c r="J25" s="157"/>
      <c r="K25" s="158"/>
      <c r="L25" s="55">
        <v>0</v>
      </c>
      <c r="M25" s="136">
        <v>0</v>
      </c>
      <c r="N25" s="136">
        <v>0</v>
      </c>
      <c r="O25" s="136">
        <v>0</v>
      </c>
      <c r="P25" s="136">
        <v>0</v>
      </c>
      <c r="Q25" s="53">
        <v>0</v>
      </c>
      <c r="R25" s="58" t="s">
        <v>15</v>
      </c>
      <c r="S25" s="136" t="s">
        <v>15</v>
      </c>
      <c r="T25" s="136" t="s">
        <v>15</v>
      </c>
      <c r="U25" s="59" t="s">
        <v>15</v>
      </c>
      <c r="V25" s="56">
        <v>0</v>
      </c>
      <c r="W25" s="58" t="s">
        <v>15</v>
      </c>
      <c r="X25" s="59" t="s">
        <v>15</v>
      </c>
      <c r="Y25" s="56">
        <v>0</v>
      </c>
      <c r="Z25" s="55">
        <v>0</v>
      </c>
      <c r="AA25" s="136">
        <v>0</v>
      </c>
      <c r="AB25" s="136">
        <v>0</v>
      </c>
      <c r="AC25" s="53">
        <v>0</v>
      </c>
      <c r="AD25" s="136">
        <v>0</v>
      </c>
      <c r="AE25" s="136">
        <v>0</v>
      </c>
      <c r="AF25" s="136">
        <v>0</v>
      </c>
      <c r="AG25" s="59">
        <v>0</v>
      </c>
      <c r="AH25" s="124">
        <v>0</v>
      </c>
      <c r="AI25" s="58" t="s">
        <v>15</v>
      </c>
      <c r="AJ25" s="59" t="s">
        <v>15</v>
      </c>
      <c r="AK25" s="60">
        <v>0</v>
      </c>
    </row>
    <row r="26" spans="1:37" ht="13.5" customHeight="1" x14ac:dyDescent="0.15">
      <c r="A26" s="51"/>
      <c r="B26" s="52"/>
      <c r="C26" s="52"/>
      <c r="D26" s="52"/>
      <c r="E26" s="52" t="s">
        <v>31</v>
      </c>
      <c r="F26" s="52"/>
      <c r="G26" s="41" t="s">
        <v>15</v>
      </c>
      <c r="H26" s="53" t="s">
        <v>15</v>
      </c>
      <c r="I26" s="54" t="s">
        <v>15</v>
      </c>
      <c r="J26" s="54" t="s">
        <v>15</v>
      </c>
      <c r="K26" s="57" t="s">
        <v>15</v>
      </c>
      <c r="L26" s="55">
        <v>0</v>
      </c>
      <c r="M26" s="136">
        <v>0</v>
      </c>
      <c r="N26" s="136">
        <v>0</v>
      </c>
      <c r="O26" s="136">
        <v>0</v>
      </c>
      <c r="P26" s="136">
        <v>0</v>
      </c>
      <c r="Q26" s="53">
        <v>0</v>
      </c>
      <c r="R26" s="58" t="s">
        <v>15</v>
      </c>
      <c r="S26" s="136" t="s">
        <v>15</v>
      </c>
      <c r="T26" s="136" t="s">
        <v>15</v>
      </c>
      <c r="U26" s="59" t="s">
        <v>15</v>
      </c>
      <c r="V26" s="56">
        <v>0</v>
      </c>
      <c r="W26" s="58" t="s">
        <v>15</v>
      </c>
      <c r="X26" s="59" t="s">
        <v>15</v>
      </c>
      <c r="Y26" s="56">
        <v>0</v>
      </c>
      <c r="Z26" s="55">
        <v>0</v>
      </c>
      <c r="AA26" s="136">
        <v>0</v>
      </c>
      <c r="AB26" s="136">
        <v>0</v>
      </c>
      <c r="AC26" s="53">
        <v>0</v>
      </c>
      <c r="AD26" s="136">
        <v>0</v>
      </c>
      <c r="AE26" s="136">
        <v>0</v>
      </c>
      <c r="AF26" s="136">
        <v>0</v>
      </c>
      <c r="AG26" s="59">
        <v>0</v>
      </c>
      <c r="AH26" s="124">
        <v>0</v>
      </c>
      <c r="AI26" s="58" t="s">
        <v>15</v>
      </c>
      <c r="AJ26" s="59" t="s">
        <v>15</v>
      </c>
      <c r="AK26" s="60">
        <v>0</v>
      </c>
    </row>
    <row r="27" spans="1:37" ht="13.5" customHeight="1" x14ac:dyDescent="0.15">
      <c r="A27" s="40"/>
      <c r="B27" s="2"/>
      <c r="C27" s="2"/>
      <c r="D27" s="2"/>
      <c r="E27" s="63" t="s">
        <v>32</v>
      </c>
      <c r="F27" s="2"/>
      <c r="G27" s="41" t="s">
        <v>15</v>
      </c>
      <c r="H27" s="53" t="s">
        <v>15</v>
      </c>
      <c r="I27" s="54" t="s">
        <v>15</v>
      </c>
      <c r="J27" s="54" t="s">
        <v>15</v>
      </c>
      <c r="K27" s="57" t="s">
        <v>15</v>
      </c>
      <c r="L27" s="55">
        <v>0</v>
      </c>
      <c r="M27" s="136">
        <v>0</v>
      </c>
      <c r="N27" s="136">
        <v>0</v>
      </c>
      <c r="O27" s="136">
        <v>0</v>
      </c>
      <c r="P27" s="136">
        <v>0</v>
      </c>
      <c r="Q27" s="53">
        <v>0</v>
      </c>
      <c r="R27" s="58" t="s">
        <v>15</v>
      </c>
      <c r="S27" s="136" t="s">
        <v>15</v>
      </c>
      <c r="T27" s="136" t="s">
        <v>15</v>
      </c>
      <c r="U27" s="59" t="s">
        <v>15</v>
      </c>
      <c r="V27" s="56">
        <v>0</v>
      </c>
      <c r="W27" s="58" t="s">
        <v>15</v>
      </c>
      <c r="X27" s="59" t="s">
        <v>15</v>
      </c>
      <c r="Y27" s="56">
        <v>0</v>
      </c>
      <c r="Z27" s="55">
        <v>0</v>
      </c>
      <c r="AA27" s="136">
        <v>0</v>
      </c>
      <c r="AB27" s="136">
        <v>0</v>
      </c>
      <c r="AC27" s="53">
        <v>0</v>
      </c>
      <c r="AD27" s="136">
        <v>0</v>
      </c>
      <c r="AE27" s="136">
        <v>0</v>
      </c>
      <c r="AF27" s="136">
        <v>0</v>
      </c>
      <c r="AG27" s="59">
        <v>0</v>
      </c>
      <c r="AH27" s="124">
        <v>0</v>
      </c>
      <c r="AI27" s="58" t="s">
        <v>15</v>
      </c>
      <c r="AJ27" s="59" t="s">
        <v>15</v>
      </c>
      <c r="AK27" s="60">
        <v>0</v>
      </c>
    </row>
    <row r="28" spans="1:37" ht="13.5" customHeight="1" x14ac:dyDescent="0.15">
      <c r="A28" s="51"/>
      <c r="B28" s="52"/>
      <c r="C28" s="52"/>
      <c r="D28" s="52"/>
      <c r="E28" s="64" t="s">
        <v>33</v>
      </c>
      <c r="F28" s="62"/>
      <c r="G28" s="153"/>
      <c r="H28" s="152"/>
      <c r="I28" s="157"/>
      <c r="J28" s="157"/>
      <c r="K28" s="158"/>
      <c r="L28" s="55">
        <v>0</v>
      </c>
      <c r="M28" s="136">
        <v>0</v>
      </c>
      <c r="N28" s="136">
        <v>0</v>
      </c>
      <c r="O28" s="136">
        <v>0</v>
      </c>
      <c r="P28" s="136">
        <v>0</v>
      </c>
      <c r="Q28" s="53">
        <v>0</v>
      </c>
      <c r="R28" s="58" t="s">
        <v>15</v>
      </c>
      <c r="S28" s="136" t="s">
        <v>15</v>
      </c>
      <c r="T28" s="136" t="s">
        <v>15</v>
      </c>
      <c r="U28" s="59" t="s">
        <v>15</v>
      </c>
      <c r="V28" s="56">
        <v>0</v>
      </c>
      <c r="W28" s="58" t="s">
        <v>15</v>
      </c>
      <c r="X28" s="59" t="s">
        <v>15</v>
      </c>
      <c r="Y28" s="56">
        <v>0</v>
      </c>
      <c r="Z28" s="55">
        <v>0</v>
      </c>
      <c r="AA28" s="136">
        <v>0</v>
      </c>
      <c r="AB28" s="136">
        <v>0</v>
      </c>
      <c r="AC28" s="53">
        <v>0</v>
      </c>
      <c r="AD28" s="136">
        <v>0</v>
      </c>
      <c r="AE28" s="136">
        <v>0</v>
      </c>
      <c r="AF28" s="136">
        <v>0</v>
      </c>
      <c r="AG28" s="59">
        <v>0</v>
      </c>
      <c r="AH28" s="124">
        <v>0</v>
      </c>
      <c r="AI28" s="58" t="s">
        <v>15</v>
      </c>
      <c r="AJ28" s="59" t="s">
        <v>15</v>
      </c>
      <c r="AK28" s="60">
        <v>0</v>
      </c>
    </row>
    <row r="29" spans="1:37" ht="13.5" customHeight="1" x14ac:dyDescent="0.15">
      <c r="A29" s="51"/>
      <c r="B29" s="52"/>
      <c r="C29" s="52"/>
      <c r="D29" s="52"/>
      <c r="E29" s="52" t="s">
        <v>34</v>
      </c>
      <c r="F29" s="52"/>
      <c r="G29" s="41">
        <v>0</v>
      </c>
      <c r="H29" s="53" t="s">
        <v>15</v>
      </c>
      <c r="I29" s="54">
        <v>0</v>
      </c>
      <c r="J29" s="54" t="s">
        <v>15</v>
      </c>
      <c r="K29" s="57">
        <v>0</v>
      </c>
      <c r="L29" s="55">
        <v>0</v>
      </c>
      <c r="M29" s="136">
        <v>0</v>
      </c>
      <c r="N29" s="136">
        <v>0</v>
      </c>
      <c r="O29" s="136">
        <v>0</v>
      </c>
      <c r="P29" s="136">
        <v>0</v>
      </c>
      <c r="Q29" s="53">
        <v>0</v>
      </c>
      <c r="R29" s="58" t="s">
        <v>15</v>
      </c>
      <c r="S29" s="136" t="s">
        <v>15</v>
      </c>
      <c r="T29" s="136" t="s">
        <v>15</v>
      </c>
      <c r="U29" s="59" t="s">
        <v>15</v>
      </c>
      <c r="V29" s="56">
        <v>0</v>
      </c>
      <c r="W29" s="58" t="s">
        <v>15</v>
      </c>
      <c r="X29" s="59" t="s">
        <v>15</v>
      </c>
      <c r="Y29" s="56">
        <v>0</v>
      </c>
      <c r="Z29" s="55">
        <v>0</v>
      </c>
      <c r="AA29" s="136">
        <v>0</v>
      </c>
      <c r="AB29" s="136">
        <v>867</v>
      </c>
      <c r="AC29" s="53">
        <v>867</v>
      </c>
      <c r="AD29" s="136">
        <v>0</v>
      </c>
      <c r="AE29" s="136">
        <v>0</v>
      </c>
      <c r="AF29" s="136">
        <v>0</v>
      </c>
      <c r="AG29" s="59">
        <v>0</v>
      </c>
      <c r="AH29" s="124">
        <v>867</v>
      </c>
      <c r="AI29" s="58" t="s">
        <v>15</v>
      </c>
      <c r="AJ29" s="59" t="s">
        <v>15</v>
      </c>
      <c r="AK29" s="60">
        <v>867</v>
      </c>
    </row>
    <row r="30" spans="1:37" ht="13.5" customHeight="1" x14ac:dyDescent="0.15">
      <c r="A30" s="40"/>
      <c r="B30" s="2"/>
      <c r="C30" s="2"/>
      <c r="D30" s="2"/>
      <c r="E30" s="63" t="s">
        <v>35</v>
      </c>
      <c r="F30" s="2"/>
      <c r="G30" s="41" t="s">
        <v>15</v>
      </c>
      <c r="H30" s="53" t="s">
        <v>15</v>
      </c>
      <c r="I30" s="54" t="s">
        <v>15</v>
      </c>
      <c r="J30" s="54" t="s">
        <v>15</v>
      </c>
      <c r="K30" s="57" t="s">
        <v>15</v>
      </c>
      <c r="L30" s="55">
        <v>0</v>
      </c>
      <c r="M30" s="136">
        <v>0</v>
      </c>
      <c r="N30" s="136">
        <v>0</v>
      </c>
      <c r="O30" s="136">
        <v>0</v>
      </c>
      <c r="P30" s="136">
        <v>0</v>
      </c>
      <c r="Q30" s="53">
        <v>0</v>
      </c>
      <c r="R30" s="58" t="s">
        <v>15</v>
      </c>
      <c r="S30" s="136" t="s">
        <v>15</v>
      </c>
      <c r="T30" s="136" t="s">
        <v>15</v>
      </c>
      <c r="U30" s="59" t="s">
        <v>15</v>
      </c>
      <c r="V30" s="56">
        <v>0</v>
      </c>
      <c r="W30" s="58" t="s">
        <v>15</v>
      </c>
      <c r="X30" s="59" t="s">
        <v>15</v>
      </c>
      <c r="Y30" s="56">
        <v>0</v>
      </c>
      <c r="Z30" s="55">
        <v>0</v>
      </c>
      <c r="AA30" s="136">
        <v>0</v>
      </c>
      <c r="AB30" s="136">
        <v>-867</v>
      </c>
      <c r="AC30" s="53">
        <v>-867</v>
      </c>
      <c r="AD30" s="136">
        <v>0</v>
      </c>
      <c r="AE30" s="136">
        <v>0</v>
      </c>
      <c r="AF30" s="136">
        <v>0</v>
      </c>
      <c r="AG30" s="59">
        <v>0</v>
      </c>
      <c r="AH30" s="124">
        <v>-867</v>
      </c>
      <c r="AI30" s="58" t="s">
        <v>15</v>
      </c>
      <c r="AJ30" s="59" t="s">
        <v>15</v>
      </c>
      <c r="AK30" s="60">
        <v>-867</v>
      </c>
    </row>
    <row r="31" spans="1:37" ht="13.5" customHeight="1" x14ac:dyDescent="0.15">
      <c r="A31" s="51"/>
      <c r="B31" s="52"/>
      <c r="C31" s="52"/>
      <c r="D31" s="52"/>
      <c r="E31" s="64" t="s">
        <v>36</v>
      </c>
      <c r="F31" s="62"/>
      <c r="G31" s="153"/>
      <c r="H31" s="152"/>
      <c r="I31" s="157"/>
      <c r="J31" s="157"/>
      <c r="K31" s="158"/>
      <c r="L31" s="55">
        <v>0</v>
      </c>
      <c r="M31" s="136">
        <v>0</v>
      </c>
      <c r="N31" s="136">
        <v>0</v>
      </c>
      <c r="O31" s="136">
        <v>0</v>
      </c>
      <c r="P31" s="136">
        <v>0</v>
      </c>
      <c r="Q31" s="53">
        <v>0</v>
      </c>
      <c r="R31" s="58" t="s">
        <v>15</v>
      </c>
      <c r="S31" s="136" t="s">
        <v>15</v>
      </c>
      <c r="T31" s="136" t="s">
        <v>15</v>
      </c>
      <c r="U31" s="59" t="s">
        <v>15</v>
      </c>
      <c r="V31" s="56">
        <v>0</v>
      </c>
      <c r="W31" s="58" t="s">
        <v>15</v>
      </c>
      <c r="X31" s="59" t="s">
        <v>15</v>
      </c>
      <c r="Y31" s="56">
        <v>0</v>
      </c>
      <c r="Z31" s="55">
        <v>0</v>
      </c>
      <c r="AA31" s="136">
        <v>0</v>
      </c>
      <c r="AB31" s="136">
        <v>0</v>
      </c>
      <c r="AC31" s="53">
        <v>0</v>
      </c>
      <c r="AD31" s="136">
        <v>0</v>
      </c>
      <c r="AE31" s="136">
        <v>0</v>
      </c>
      <c r="AF31" s="136">
        <v>0</v>
      </c>
      <c r="AG31" s="59">
        <v>0</v>
      </c>
      <c r="AH31" s="124">
        <v>0</v>
      </c>
      <c r="AI31" s="58" t="s">
        <v>15</v>
      </c>
      <c r="AJ31" s="59" t="s">
        <v>15</v>
      </c>
      <c r="AK31" s="60">
        <v>0</v>
      </c>
    </row>
    <row r="32" spans="1:37" ht="13.5" customHeight="1" x14ac:dyDescent="0.15">
      <c r="A32" s="51"/>
      <c r="B32" s="52"/>
      <c r="C32" s="52"/>
      <c r="D32" s="52"/>
      <c r="E32" s="52" t="s">
        <v>37</v>
      </c>
      <c r="F32" s="52"/>
      <c r="G32" s="41">
        <v>54385</v>
      </c>
      <c r="H32" s="53" t="s">
        <v>15</v>
      </c>
      <c r="I32" s="54">
        <v>54385</v>
      </c>
      <c r="J32" s="54" t="s">
        <v>15</v>
      </c>
      <c r="K32" s="57">
        <v>54385</v>
      </c>
      <c r="L32" s="55">
        <v>0</v>
      </c>
      <c r="M32" s="136">
        <v>0</v>
      </c>
      <c r="N32" s="136">
        <v>0</v>
      </c>
      <c r="O32" s="136">
        <v>0</v>
      </c>
      <c r="P32" s="136">
        <v>8254</v>
      </c>
      <c r="Q32" s="53">
        <v>0</v>
      </c>
      <c r="R32" s="58" t="s">
        <v>15</v>
      </c>
      <c r="S32" s="136" t="s">
        <v>15</v>
      </c>
      <c r="T32" s="136" t="s">
        <v>15</v>
      </c>
      <c r="U32" s="59" t="s">
        <v>15</v>
      </c>
      <c r="V32" s="56">
        <v>62639</v>
      </c>
      <c r="W32" s="58" t="s">
        <v>15</v>
      </c>
      <c r="X32" s="59" t="s">
        <v>15</v>
      </c>
      <c r="Y32" s="56">
        <v>62639</v>
      </c>
      <c r="Z32" s="55">
        <v>12649</v>
      </c>
      <c r="AA32" s="136">
        <v>0</v>
      </c>
      <c r="AB32" s="136">
        <v>0</v>
      </c>
      <c r="AC32" s="53">
        <v>12649</v>
      </c>
      <c r="AD32" s="136">
        <v>0</v>
      </c>
      <c r="AE32" s="136">
        <v>0</v>
      </c>
      <c r="AF32" s="136">
        <v>0</v>
      </c>
      <c r="AG32" s="59">
        <v>0</v>
      </c>
      <c r="AH32" s="124">
        <v>75288</v>
      </c>
      <c r="AI32" s="58" t="s">
        <v>15</v>
      </c>
      <c r="AJ32" s="59" t="s">
        <v>15</v>
      </c>
      <c r="AK32" s="60">
        <v>75288</v>
      </c>
    </row>
    <row r="33" spans="1:37" ht="13.5" customHeight="1" x14ac:dyDescent="0.15">
      <c r="A33" s="51"/>
      <c r="B33" s="52"/>
      <c r="C33" s="52"/>
      <c r="D33" s="52" t="s">
        <v>38</v>
      </c>
      <c r="E33" s="52"/>
      <c r="F33" s="52"/>
      <c r="G33" s="41">
        <v>158547800</v>
      </c>
      <c r="H33" s="53" t="s">
        <v>15</v>
      </c>
      <c r="I33" s="54">
        <v>158547800</v>
      </c>
      <c r="J33" s="54" t="s">
        <v>15</v>
      </c>
      <c r="K33" s="57">
        <v>158547800</v>
      </c>
      <c r="L33" s="55">
        <v>0</v>
      </c>
      <c r="M33" s="136">
        <v>21403594</v>
      </c>
      <c r="N33" s="136">
        <v>1001739</v>
      </c>
      <c r="O33" s="136">
        <v>52270632</v>
      </c>
      <c r="P33" s="136">
        <v>0</v>
      </c>
      <c r="Q33" s="53">
        <v>0</v>
      </c>
      <c r="R33" s="58" t="s">
        <v>15</v>
      </c>
      <c r="S33" s="136" t="s">
        <v>15</v>
      </c>
      <c r="T33" s="136" t="s">
        <v>15</v>
      </c>
      <c r="U33" s="59" t="s">
        <v>15</v>
      </c>
      <c r="V33" s="56">
        <v>233223765</v>
      </c>
      <c r="W33" s="58" t="s">
        <v>15</v>
      </c>
      <c r="X33" s="59">
        <v>12077</v>
      </c>
      <c r="Y33" s="56">
        <v>233235842</v>
      </c>
      <c r="Z33" s="55">
        <v>0</v>
      </c>
      <c r="AA33" s="136">
        <v>0</v>
      </c>
      <c r="AB33" s="136">
        <v>0</v>
      </c>
      <c r="AC33" s="53">
        <v>0</v>
      </c>
      <c r="AD33" s="136">
        <v>0</v>
      </c>
      <c r="AE33" s="136">
        <v>0</v>
      </c>
      <c r="AF33" s="136">
        <v>0</v>
      </c>
      <c r="AG33" s="59">
        <v>0</v>
      </c>
      <c r="AH33" s="124">
        <v>233235842</v>
      </c>
      <c r="AI33" s="58" t="s">
        <v>15</v>
      </c>
      <c r="AJ33" s="59" t="s">
        <v>15</v>
      </c>
      <c r="AK33" s="60">
        <v>233235842</v>
      </c>
    </row>
    <row r="34" spans="1:37" ht="13.5" customHeight="1" x14ac:dyDescent="0.15">
      <c r="A34" s="51"/>
      <c r="B34" s="52"/>
      <c r="C34" s="52"/>
      <c r="D34" s="52"/>
      <c r="E34" s="52" t="s">
        <v>14</v>
      </c>
      <c r="F34" s="52"/>
      <c r="G34" s="41">
        <v>132132903</v>
      </c>
      <c r="H34" s="53" t="s">
        <v>15</v>
      </c>
      <c r="I34" s="54">
        <v>132132903</v>
      </c>
      <c r="J34" s="54" t="s">
        <v>15</v>
      </c>
      <c r="K34" s="57">
        <v>132132903</v>
      </c>
      <c r="L34" s="55">
        <v>0</v>
      </c>
      <c r="M34" s="136">
        <v>446181</v>
      </c>
      <c r="N34" s="136">
        <v>66581</v>
      </c>
      <c r="O34" s="136">
        <v>1308137</v>
      </c>
      <c r="P34" s="136">
        <v>0</v>
      </c>
      <c r="Q34" s="53">
        <v>0</v>
      </c>
      <c r="R34" s="58" t="s">
        <v>15</v>
      </c>
      <c r="S34" s="136" t="s">
        <v>15</v>
      </c>
      <c r="T34" s="136" t="s">
        <v>15</v>
      </c>
      <c r="U34" s="59" t="s">
        <v>15</v>
      </c>
      <c r="V34" s="56">
        <v>133953802</v>
      </c>
      <c r="W34" s="58" t="s">
        <v>15</v>
      </c>
      <c r="X34" s="59">
        <v>12077</v>
      </c>
      <c r="Y34" s="56">
        <v>133965878</v>
      </c>
      <c r="Z34" s="55">
        <v>0</v>
      </c>
      <c r="AA34" s="136">
        <v>0</v>
      </c>
      <c r="AB34" s="136">
        <v>0</v>
      </c>
      <c r="AC34" s="53">
        <v>0</v>
      </c>
      <c r="AD34" s="136">
        <v>0</v>
      </c>
      <c r="AE34" s="136">
        <v>0</v>
      </c>
      <c r="AF34" s="136">
        <v>0</v>
      </c>
      <c r="AG34" s="59">
        <v>0</v>
      </c>
      <c r="AH34" s="124">
        <v>133965878</v>
      </c>
      <c r="AI34" s="58" t="s">
        <v>15</v>
      </c>
      <c r="AJ34" s="59" t="s">
        <v>15</v>
      </c>
      <c r="AK34" s="60">
        <v>133965878</v>
      </c>
    </row>
    <row r="35" spans="1:37" ht="13.5" customHeight="1" x14ac:dyDescent="0.15">
      <c r="A35" s="51"/>
      <c r="B35" s="52"/>
      <c r="C35" s="52"/>
      <c r="D35" s="52"/>
      <c r="E35" s="52" t="s">
        <v>16</v>
      </c>
      <c r="F35" s="52"/>
      <c r="G35" s="153"/>
      <c r="H35" s="152"/>
      <c r="I35" s="157"/>
      <c r="J35" s="157"/>
      <c r="K35" s="158"/>
      <c r="L35" s="55">
        <v>0</v>
      </c>
      <c r="M35" s="136">
        <v>0</v>
      </c>
      <c r="N35" s="136">
        <v>0</v>
      </c>
      <c r="O35" s="136">
        <v>0</v>
      </c>
      <c r="P35" s="136">
        <v>0</v>
      </c>
      <c r="Q35" s="53">
        <v>0</v>
      </c>
      <c r="R35" s="58" t="s">
        <v>15</v>
      </c>
      <c r="S35" s="136" t="s">
        <v>15</v>
      </c>
      <c r="T35" s="136" t="s">
        <v>15</v>
      </c>
      <c r="U35" s="59" t="s">
        <v>15</v>
      </c>
      <c r="V35" s="56">
        <v>0</v>
      </c>
      <c r="W35" s="58" t="s">
        <v>15</v>
      </c>
      <c r="X35" s="59" t="s">
        <v>15</v>
      </c>
      <c r="Y35" s="56">
        <v>0</v>
      </c>
      <c r="Z35" s="55">
        <v>0</v>
      </c>
      <c r="AA35" s="136">
        <v>0</v>
      </c>
      <c r="AB35" s="136">
        <v>0</v>
      </c>
      <c r="AC35" s="53">
        <v>0</v>
      </c>
      <c r="AD35" s="136">
        <v>0</v>
      </c>
      <c r="AE35" s="136">
        <v>0</v>
      </c>
      <c r="AF35" s="136">
        <v>0</v>
      </c>
      <c r="AG35" s="59">
        <v>0</v>
      </c>
      <c r="AH35" s="124">
        <v>0</v>
      </c>
      <c r="AI35" s="58" t="s">
        <v>15</v>
      </c>
      <c r="AJ35" s="59" t="s">
        <v>15</v>
      </c>
      <c r="AK35" s="60">
        <v>0</v>
      </c>
    </row>
    <row r="36" spans="1:37" ht="13.5" customHeight="1" x14ac:dyDescent="0.15">
      <c r="A36" s="51"/>
      <c r="B36" s="52"/>
      <c r="C36" s="52"/>
      <c r="D36" s="52"/>
      <c r="E36" s="52" t="s">
        <v>19</v>
      </c>
      <c r="F36" s="52"/>
      <c r="G36" s="41">
        <v>3319032</v>
      </c>
      <c r="H36" s="53" t="s">
        <v>15</v>
      </c>
      <c r="I36" s="54">
        <v>3319032</v>
      </c>
      <c r="J36" s="54" t="s">
        <v>15</v>
      </c>
      <c r="K36" s="57">
        <v>3319032</v>
      </c>
      <c r="L36" s="55">
        <v>0</v>
      </c>
      <c r="M36" s="136">
        <v>2143889</v>
      </c>
      <c r="N36" s="136">
        <v>96824</v>
      </c>
      <c r="O36" s="136">
        <v>679520</v>
      </c>
      <c r="P36" s="136">
        <v>0</v>
      </c>
      <c r="Q36" s="53">
        <v>0</v>
      </c>
      <c r="R36" s="58" t="s">
        <v>15</v>
      </c>
      <c r="S36" s="136" t="s">
        <v>15</v>
      </c>
      <c r="T36" s="136" t="s">
        <v>15</v>
      </c>
      <c r="U36" s="59" t="s">
        <v>15</v>
      </c>
      <c r="V36" s="56">
        <v>6239265</v>
      </c>
      <c r="W36" s="58" t="s">
        <v>15</v>
      </c>
      <c r="X36" s="59" t="s">
        <v>15</v>
      </c>
      <c r="Y36" s="56">
        <v>6239265</v>
      </c>
      <c r="Z36" s="55">
        <v>0</v>
      </c>
      <c r="AA36" s="136">
        <v>0</v>
      </c>
      <c r="AB36" s="136">
        <v>0</v>
      </c>
      <c r="AC36" s="53">
        <v>0</v>
      </c>
      <c r="AD36" s="136">
        <v>0</v>
      </c>
      <c r="AE36" s="136">
        <v>0</v>
      </c>
      <c r="AF36" s="136">
        <v>0</v>
      </c>
      <c r="AG36" s="59">
        <v>0</v>
      </c>
      <c r="AH36" s="124">
        <v>6239265</v>
      </c>
      <c r="AI36" s="58" t="s">
        <v>15</v>
      </c>
      <c r="AJ36" s="59" t="s">
        <v>15</v>
      </c>
      <c r="AK36" s="60">
        <v>6239265</v>
      </c>
    </row>
    <row r="37" spans="1:37" ht="13.5" customHeight="1" x14ac:dyDescent="0.15">
      <c r="A37" s="51"/>
      <c r="B37" s="52"/>
      <c r="C37" s="52"/>
      <c r="D37" s="52"/>
      <c r="E37" s="52" t="s">
        <v>20</v>
      </c>
      <c r="F37" s="52"/>
      <c r="G37" s="41">
        <v>-1562901</v>
      </c>
      <c r="H37" s="53" t="s">
        <v>15</v>
      </c>
      <c r="I37" s="54">
        <v>-1562901</v>
      </c>
      <c r="J37" s="54" t="s">
        <v>15</v>
      </c>
      <c r="K37" s="57">
        <v>-1562901</v>
      </c>
      <c r="L37" s="55">
        <v>0</v>
      </c>
      <c r="M37" s="136">
        <v>-810773</v>
      </c>
      <c r="N37" s="136">
        <v>-64206</v>
      </c>
      <c r="O37" s="136">
        <v>-132237</v>
      </c>
      <c r="P37" s="136">
        <v>0</v>
      </c>
      <c r="Q37" s="53">
        <v>0</v>
      </c>
      <c r="R37" s="58" t="s">
        <v>15</v>
      </c>
      <c r="S37" s="136" t="s">
        <v>15</v>
      </c>
      <c r="T37" s="136" t="s">
        <v>15</v>
      </c>
      <c r="U37" s="59" t="s">
        <v>15</v>
      </c>
      <c r="V37" s="56">
        <v>-2570116</v>
      </c>
      <c r="W37" s="58" t="s">
        <v>15</v>
      </c>
      <c r="X37" s="59" t="s">
        <v>15</v>
      </c>
      <c r="Y37" s="56">
        <v>-2570116</v>
      </c>
      <c r="Z37" s="55">
        <v>0</v>
      </c>
      <c r="AA37" s="136">
        <v>0</v>
      </c>
      <c r="AB37" s="136">
        <v>0</v>
      </c>
      <c r="AC37" s="53">
        <v>0</v>
      </c>
      <c r="AD37" s="136">
        <v>0</v>
      </c>
      <c r="AE37" s="136">
        <v>0</v>
      </c>
      <c r="AF37" s="136">
        <v>0</v>
      </c>
      <c r="AG37" s="59">
        <v>0</v>
      </c>
      <c r="AH37" s="124">
        <v>-2570116</v>
      </c>
      <c r="AI37" s="58" t="s">
        <v>15</v>
      </c>
      <c r="AJ37" s="59" t="s">
        <v>15</v>
      </c>
      <c r="AK37" s="60">
        <v>-2570116</v>
      </c>
    </row>
    <row r="38" spans="1:37" ht="13.5" customHeight="1" x14ac:dyDescent="0.15">
      <c r="A38" s="51"/>
      <c r="B38" s="52"/>
      <c r="C38" s="52"/>
      <c r="D38" s="52"/>
      <c r="E38" s="52" t="s">
        <v>21</v>
      </c>
      <c r="F38" s="52"/>
      <c r="G38" s="153"/>
      <c r="H38" s="152"/>
      <c r="I38" s="157"/>
      <c r="J38" s="157"/>
      <c r="K38" s="158"/>
      <c r="L38" s="55">
        <v>0</v>
      </c>
      <c r="M38" s="136">
        <v>0</v>
      </c>
      <c r="N38" s="136">
        <v>0</v>
      </c>
      <c r="O38" s="136">
        <v>0</v>
      </c>
      <c r="P38" s="136">
        <v>0</v>
      </c>
      <c r="Q38" s="53">
        <v>0</v>
      </c>
      <c r="R38" s="58" t="s">
        <v>15</v>
      </c>
      <c r="S38" s="136" t="s">
        <v>15</v>
      </c>
      <c r="T38" s="136" t="s">
        <v>15</v>
      </c>
      <c r="U38" s="59" t="s">
        <v>15</v>
      </c>
      <c r="V38" s="56">
        <v>0</v>
      </c>
      <c r="W38" s="58" t="s">
        <v>15</v>
      </c>
      <c r="X38" s="59" t="s">
        <v>15</v>
      </c>
      <c r="Y38" s="56">
        <v>0</v>
      </c>
      <c r="Z38" s="55">
        <v>0</v>
      </c>
      <c r="AA38" s="136">
        <v>0</v>
      </c>
      <c r="AB38" s="136">
        <v>0</v>
      </c>
      <c r="AC38" s="53">
        <v>0</v>
      </c>
      <c r="AD38" s="136">
        <v>0</v>
      </c>
      <c r="AE38" s="136">
        <v>0</v>
      </c>
      <c r="AF38" s="136">
        <v>0</v>
      </c>
      <c r="AG38" s="59">
        <v>0</v>
      </c>
      <c r="AH38" s="124">
        <v>0</v>
      </c>
      <c r="AI38" s="58" t="s">
        <v>15</v>
      </c>
      <c r="AJ38" s="59" t="s">
        <v>15</v>
      </c>
      <c r="AK38" s="60">
        <v>0</v>
      </c>
    </row>
    <row r="39" spans="1:37" ht="13.5" customHeight="1" x14ac:dyDescent="0.15">
      <c r="A39" s="51"/>
      <c r="B39" s="52"/>
      <c r="C39" s="52"/>
      <c r="D39" s="52"/>
      <c r="E39" s="52" t="s">
        <v>22</v>
      </c>
      <c r="F39" s="52"/>
      <c r="G39" s="41">
        <v>55290997</v>
      </c>
      <c r="H39" s="53" t="s">
        <v>15</v>
      </c>
      <c r="I39" s="54">
        <v>55290997</v>
      </c>
      <c r="J39" s="54" t="s">
        <v>15</v>
      </c>
      <c r="K39" s="57">
        <v>55290997</v>
      </c>
      <c r="L39" s="55">
        <v>0</v>
      </c>
      <c r="M39" s="136">
        <v>34879560</v>
      </c>
      <c r="N39" s="136">
        <v>2006672</v>
      </c>
      <c r="O39" s="136">
        <v>65845766</v>
      </c>
      <c r="P39" s="136">
        <v>0</v>
      </c>
      <c r="Q39" s="53">
        <v>0</v>
      </c>
      <c r="R39" s="58" t="s">
        <v>15</v>
      </c>
      <c r="S39" s="136" t="s">
        <v>15</v>
      </c>
      <c r="T39" s="136" t="s">
        <v>15</v>
      </c>
      <c r="U39" s="59" t="s">
        <v>15</v>
      </c>
      <c r="V39" s="56">
        <v>158022995</v>
      </c>
      <c r="W39" s="58" t="s">
        <v>15</v>
      </c>
      <c r="X39" s="59" t="s">
        <v>15</v>
      </c>
      <c r="Y39" s="56">
        <v>158022995</v>
      </c>
      <c r="Z39" s="55">
        <v>0</v>
      </c>
      <c r="AA39" s="136">
        <v>0</v>
      </c>
      <c r="AB39" s="136">
        <v>0</v>
      </c>
      <c r="AC39" s="53">
        <v>0</v>
      </c>
      <c r="AD39" s="136">
        <v>0</v>
      </c>
      <c r="AE39" s="136">
        <v>0</v>
      </c>
      <c r="AF39" s="136">
        <v>0</v>
      </c>
      <c r="AG39" s="59">
        <v>0</v>
      </c>
      <c r="AH39" s="124">
        <v>158022995</v>
      </c>
      <c r="AI39" s="58" t="s">
        <v>15</v>
      </c>
      <c r="AJ39" s="59" t="s">
        <v>15</v>
      </c>
      <c r="AK39" s="60">
        <v>158022995</v>
      </c>
    </row>
    <row r="40" spans="1:37" ht="13.5" customHeight="1" x14ac:dyDescent="0.15">
      <c r="A40" s="51"/>
      <c r="B40" s="52"/>
      <c r="C40" s="52"/>
      <c r="D40" s="52"/>
      <c r="E40" s="64" t="s">
        <v>23</v>
      </c>
      <c r="F40" s="52"/>
      <c r="G40" s="41">
        <v>-30721361</v>
      </c>
      <c r="H40" s="53" t="s">
        <v>15</v>
      </c>
      <c r="I40" s="54">
        <v>-30721361</v>
      </c>
      <c r="J40" s="54" t="s">
        <v>15</v>
      </c>
      <c r="K40" s="57">
        <v>-30721361</v>
      </c>
      <c r="L40" s="55">
        <v>0</v>
      </c>
      <c r="M40" s="136">
        <v>-15460790</v>
      </c>
      <c r="N40" s="136">
        <v>-1119807</v>
      </c>
      <c r="O40" s="136">
        <v>-15571262</v>
      </c>
      <c r="P40" s="136">
        <v>0</v>
      </c>
      <c r="Q40" s="53">
        <v>0</v>
      </c>
      <c r="R40" s="58" t="s">
        <v>15</v>
      </c>
      <c r="S40" s="136" t="s">
        <v>15</v>
      </c>
      <c r="T40" s="136" t="s">
        <v>15</v>
      </c>
      <c r="U40" s="59" t="s">
        <v>15</v>
      </c>
      <c r="V40" s="56">
        <v>-62873221</v>
      </c>
      <c r="W40" s="58" t="s">
        <v>15</v>
      </c>
      <c r="X40" s="59" t="s">
        <v>15</v>
      </c>
      <c r="Y40" s="56">
        <v>-62873221</v>
      </c>
      <c r="Z40" s="55">
        <v>0</v>
      </c>
      <c r="AA40" s="136">
        <v>0</v>
      </c>
      <c r="AB40" s="136">
        <v>0</v>
      </c>
      <c r="AC40" s="53">
        <v>0</v>
      </c>
      <c r="AD40" s="136">
        <v>0</v>
      </c>
      <c r="AE40" s="136">
        <v>0</v>
      </c>
      <c r="AF40" s="136">
        <v>0</v>
      </c>
      <c r="AG40" s="59">
        <v>0</v>
      </c>
      <c r="AH40" s="124">
        <v>-62873221</v>
      </c>
      <c r="AI40" s="58" t="s">
        <v>15</v>
      </c>
      <c r="AJ40" s="59" t="s">
        <v>15</v>
      </c>
      <c r="AK40" s="60">
        <v>-62873221</v>
      </c>
    </row>
    <row r="41" spans="1:37" ht="13.5" customHeight="1" x14ac:dyDescent="0.15">
      <c r="A41" s="51"/>
      <c r="B41" s="52"/>
      <c r="C41" s="52"/>
      <c r="D41" s="52"/>
      <c r="E41" s="64" t="s">
        <v>24</v>
      </c>
      <c r="F41" s="52"/>
      <c r="G41" s="153"/>
      <c r="H41" s="152"/>
      <c r="I41" s="157"/>
      <c r="J41" s="157"/>
      <c r="K41" s="158"/>
      <c r="L41" s="55">
        <v>0</v>
      </c>
      <c r="M41" s="136">
        <v>0</v>
      </c>
      <c r="N41" s="136">
        <v>0</v>
      </c>
      <c r="O41" s="136">
        <v>0</v>
      </c>
      <c r="P41" s="136">
        <v>0</v>
      </c>
      <c r="Q41" s="53">
        <v>0</v>
      </c>
      <c r="R41" s="58" t="s">
        <v>15</v>
      </c>
      <c r="S41" s="136" t="s">
        <v>15</v>
      </c>
      <c r="T41" s="136" t="s">
        <v>15</v>
      </c>
      <c r="U41" s="59" t="s">
        <v>15</v>
      </c>
      <c r="V41" s="56">
        <v>0</v>
      </c>
      <c r="W41" s="58" t="s">
        <v>15</v>
      </c>
      <c r="X41" s="59" t="s">
        <v>15</v>
      </c>
      <c r="Y41" s="56">
        <v>0</v>
      </c>
      <c r="Z41" s="55">
        <v>0</v>
      </c>
      <c r="AA41" s="136">
        <v>0</v>
      </c>
      <c r="AB41" s="136">
        <v>0</v>
      </c>
      <c r="AC41" s="53">
        <v>0</v>
      </c>
      <c r="AD41" s="136">
        <v>0</v>
      </c>
      <c r="AE41" s="136">
        <v>0</v>
      </c>
      <c r="AF41" s="136">
        <v>0</v>
      </c>
      <c r="AG41" s="59">
        <v>0</v>
      </c>
      <c r="AH41" s="124">
        <v>0</v>
      </c>
      <c r="AI41" s="58" t="s">
        <v>15</v>
      </c>
      <c r="AJ41" s="59" t="s">
        <v>15</v>
      </c>
      <c r="AK41" s="60">
        <v>0</v>
      </c>
    </row>
    <row r="42" spans="1:37" ht="13.5" customHeight="1" x14ac:dyDescent="0.15">
      <c r="A42" s="51"/>
      <c r="B42" s="52"/>
      <c r="C42" s="52"/>
      <c r="D42" s="52"/>
      <c r="E42" s="52" t="s">
        <v>34</v>
      </c>
      <c r="F42" s="52"/>
      <c r="G42" s="41">
        <v>0</v>
      </c>
      <c r="H42" s="53" t="s">
        <v>15</v>
      </c>
      <c r="I42" s="54">
        <v>0</v>
      </c>
      <c r="J42" s="54" t="s">
        <v>15</v>
      </c>
      <c r="K42" s="57">
        <v>0</v>
      </c>
      <c r="L42" s="55">
        <v>0</v>
      </c>
      <c r="M42" s="136">
        <v>0</v>
      </c>
      <c r="N42" s="136">
        <v>0</v>
      </c>
      <c r="O42" s="136">
        <v>0</v>
      </c>
      <c r="P42" s="136">
        <v>0</v>
      </c>
      <c r="Q42" s="53">
        <v>0</v>
      </c>
      <c r="R42" s="58" t="s">
        <v>15</v>
      </c>
      <c r="S42" s="136" t="s">
        <v>15</v>
      </c>
      <c r="T42" s="136" t="s">
        <v>15</v>
      </c>
      <c r="U42" s="59" t="s">
        <v>15</v>
      </c>
      <c r="V42" s="56">
        <v>0</v>
      </c>
      <c r="W42" s="58" t="s">
        <v>15</v>
      </c>
      <c r="X42" s="59" t="s">
        <v>15</v>
      </c>
      <c r="Y42" s="56">
        <v>0</v>
      </c>
      <c r="Z42" s="55">
        <v>0</v>
      </c>
      <c r="AA42" s="136">
        <v>0</v>
      </c>
      <c r="AB42" s="136">
        <v>0</v>
      </c>
      <c r="AC42" s="53">
        <v>0</v>
      </c>
      <c r="AD42" s="136">
        <v>0</v>
      </c>
      <c r="AE42" s="136">
        <v>0</v>
      </c>
      <c r="AF42" s="136">
        <v>0</v>
      </c>
      <c r="AG42" s="59">
        <v>0</v>
      </c>
      <c r="AH42" s="124">
        <v>0</v>
      </c>
      <c r="AI42" s="58" t="s">
        <v>15</v>
      </c>
      <c r="AJ42" s="59" t="s">
        <v>15</v>
      </c>
      <c r="AK42" s="60">
        <v>0</v>
      </c>
    </row>
    <row r="43" spans="1:37" ht="13.5" customHeight="1" x14ac:dyDescent="0.15">
      <c r="A43" s="51"/>
      <c r="B43" s="52"/>
      <c r="C43" s="52"/>
      <c r="D43" s="52"/>
      <c r="E43" s="64" t="s">
        <v>35</v>
      </c>
      <c r="F43" s="52"/>
      <c r="G43" s="41" t="s">
        <v>15</v>
      </c>
      <c r="H43" s="53" t="s">
        <v>15</v>
      </c>
      <c r="I43" s="54" t="s">
        <v>15</v>
      </c>
      <c r="J43" s="54" t="s">
        <v>15</v>
      </c>
      <c r="K43" s="57" t="s">
        <v>15</v>
      </c>
      <c r="L43" s="55">
        <v>0</v>
      </c>
      <c r="M43" s="136">
        <v>0</v>
      </c>
      <c r="N43" s="136">
        <v>0</v>
      </c>
      <c r="O43" s="136">
        <v>0</v>
      </c>
      <c r="P43" s="136">
        <v>0</v>
      </c>
      <c r="Q43" s="53">
        <v>0</v>
      </c>
      <c r="R43" s="58" t="s">
        <v>15</v>
      </c>
      <c r="S43" s="136" t="s">
        <v>15</v>
      </c>
      <c r="T43" s="136" t="s">
        <v>15</v>
      </c>
      <c r="U43" s="59" t="s">
        <v>15</v>
      </c>
      <c r="V43" s="56">
        <v>0</v>
      </c>
      <c r="W43" s="58" t="s">
        <v>15</v>
      </c>
      <c r="X43" s="59" t="s">
        <v>15</v>
      </c>
      <c r="Y43" s="56">
        <v>0</v>
      </c>
      <c r="Z43" s="55">
        <v>0</v>
      </c>
      <c r="AA43" s="136">
        <v>0</v>
      </c>
      <c r="AB43" s="136">
        <v>0</v>
      </c>
      <c r="AC43" s="53">
        <v>0</v>
      </c>
      <c r="AD43" s="136">
        <v>0</v>
      </c>
      <c r="AE43" s="136">
        <v>0</v>
      </c>
      <c r="AF43" s="136">
        <v>0</v>
      </c>
      <c r="AG43" s="59">
        <v>0</v>
      </c>
      <c r="AH43" s="124">
        <v>0</v>
      </c>
      <c r="AI43" s="58" t="s">
        <v>15</v>
      </c>
      <c r="AJ43" s="59" t="s">
        <v>15</v>
      </c>
      <c r="AK43" s="60">
        <v>0</v>
      </c>
    </row>
    <row r="44" spans="1:37" ht="13.5" customHeight="1" x14ac:dyDescent="0.15">
      <c r="A44" s="51"/>
      <c r="B44" s="52"/>
      <c r="C44" s="52"/>
      <c r="D44" s="52"/>
      <c r="E44" s="64" t="s">
        <v>36</v>
      </c>
      <c r="F44" s="52"/>
      <c r="G44" s="153"/>
      <c r="H44" s="152"/>
      <c r="I44" s="157"/>
      <c r="J44" s="157"/>
      <c r="K44" s="158"/>
      <c r="L44" s="55">
        <v>0</v>
      </c>
      <c r="M44" s="136">
        <v>0</v>
      </c>
      <c r="N44" s="136">
        <v>0</v>
      </c>
      <c r="O44" s="136">
        <v>0</v>
      </c>
      <c r="P44" s="136">
        <v>0</v>
      </c>
      <c r="Q44" s="53">
        <v>0</v>
      </c>
      <c r="R44" s="58" t="s">
        <v>15</v>
      </c>
      <c r="S44" s="136" t="s">
        <v>15</v>
      </c>
      <c r="T44" s="136" t="s">
        <v>15</v>
      </c>
      <c r="U44" s="59" t="s">
        <v>15</v>
      </c>
      <c r="V44" s="56">
        <v>0</v>
      </c>
      <c r="W44" s="58" t="s">
        <v>15</v>
      </c>
      <c r="X44" s="59" t="s">
        <v>15</v>
      </c>
      <c r="Y44" s="56">
        <v>0</v>
      </c>
      <c r="Z44" s="55">
        <v>0</v>
      </c>
      <c r="AA44" s="136">
        <v>0</v>
      </c>
      <c r="AB44" s="136">
        <v>0</v>
      </c>
      <c r="AC44" s="53">
        <v>0</v>
      </c>
      <c r="AD44" s="136">
        <v>0</v>
      </c>
      <c r="AE44" s="136">
        <v>0</v>
      </c>
      <c r="AF44" s="136">
        <v>0</v>
      </c>
      <c r="AG44" s="59">
        <v>0</v>
      </c>
      <c r="AH44" s="124">
        <v>0</v>
      </c>
      <c r="AI44" s="58" t="s">
        <v>15</v>
      </c>
      <c r="AJ44" s="59" t="s">
        <v>15</v>
      </c>
      <c r="AK44" s="60">
        <v>0</v>
      </c>
    </row>
    <row r="45" spans="1:37" ht="13.5" customHeight="1" x14ac:dyDescent="0.15">
      <c r="A45" s="51"/>
      <c r="B45" s="52"/>
      <c r="C45" s="52"/>
      <c r="D45" s="52"/>
      <c r="E45" s="52" t="s">
        <v>39</v>
      </c>
      <c r="F45" s="52"/>
      <c r="G45" s="41">
        <v>89131</v>
      </c>
      <c r="H45" s="53" t="s">
        <v>15</v>
      </c>
      <c r="I45" s="54">
        <v>89131</v>
      </c>
      <c r="J45" s="54" t="s">
        <v>15</v>
      </c>
      <c r="K45" s="57">
        <v>89131</v>
      </c>
      <c r="L45" s="55">
        <v>0</v>
      </c>
      <c r="M45" s="136">
        <v>205526</v>
      </c>
      <c r="N45" s="136">
        <v>15675</v>
      </c>
      <c r="O45" s="136">
        <v>140708</v>
      </c>
      <c r="P45" s="136">
        <v>0</v>
      </c>
      <c r="Q45" s="53">
        <v>0</v>
      </c>
      <c r="R45" s="58" t="s">
        <v>15</v>
      </c>
      <c r="S45" s="136" t="s">
        <v>15</v>
      </c>
      <c r="T45" s="136" t="s">
        <v>15</v>
      </c>
      <c r="U45" s="59" t="s">
        <v>15</v>
      </c>
      <c r="V45" s="56">
        <v>451040</v>
      </c>
      <c r="W45" s="58" t="s">
        <v>15</v>
      </c>
      <c r="X45" s="59" t="s">
        <v>15</v>
      </c>
      <c r="Y45" s="56">
        <v>451040</v>
      </c>
      <c r="Z45" s="55">
        <v>0</v>
      </c>
      <c r="AA45" s="136">
        <v>0</v>
      </c>
      <c r="AB45" s="136">
        <v>0</v>
      </c>
      <c r="AC45" s="53">
        <v>0</v>
      </c>
      <c r="AD45" s="136">
        <v>0</v>
      </c>
      <c r="AE45" s="136">
        <v>0</v>
      </c>
      <c r="AF45" s="136">
        <v>0</v>
      </c>
      <c r="AG45" s="59">
        <v>0</v>
      </c>
      <c r="AH45" s="124">
        <v>451040</v>
      </c>
      <c r="AI45" s="58" t="s">
        <v>15</v>
      </c>
      <c r="AJ45" s="59" t="s">
        <v>15</v>
      </c>
      <c r="AK45" s="60">
        <v>451040</v>
      </c>
    </row>
    <row r="46" spans="1:37" ht="13.5" customHeight="1" x14ac:dyDescent="0.15">
      <c r="A46" s="51"/>
      <c r="B46" s="52"/>
      <c r="C46" s="52"/>
      <c r="D46" s="52" t="s">
        <v>40</v>
      </c>
      <c r="E46" s="52"/>
      <c r="F46" s="52"/>
      <c r="G46" s="41">
        <v>3527460</v>
      </c>
      <c r="H46" s="53" t="s">
        <v>15</v>
      </c>
      <c r="I46" s="54">
        <v>3527460</v>
      </c>
      <c r="J46" s="54" t="s">
        <v>15</v>
      </c>
      <c r="K46" s="57">
        <v>3527460</v>
      </c>
      <c r="L46" s="55">
        <v>5514194</v>
      </c>
      <c r="M46" s="136">
        <v>14165931</v>
      </c>
      <c r="N46" s="136">
        <v>1052635</v>
      </c>
      <c r="O46" s="136">
        <v>5584987</v>
      </c>
      <c r="P46" s="136">
        <v>2522248</v>
      </c>
      <c r="Q46" s="53">
        <v>296104</v>
      </c>
      <c r="R46" s="58" t="s">
        <v>15</v>
      </c>
      <c r="S46" s="136" t="s">
        <v>15</v>
      </c>
      <c r="T46" s="136" t="s">
        <v>15</v>
      </c>
      <c r="U46" s="59" t="s">
        <v>15</v>
      </c>
      <c r="V46" s="56">
        <v>32663559</v>
      </c>
      <c r="W46" s="58" t="s">
        <v>15</v>
      </c>
      <c r="X46" s="59" t="s">
        <v>15</v>
      </c>
      <c r="Y46" s="56">
        <v>32663559</v>
      </c>
      <c r="Z46" s="55">
        <v>53374</v>
      </c>
      <c r="AA46" s="136">
        <v>0</v>
      </c>
      <c r="AB46" s="136">
        <v>23748</v>
      </c>
      <c r="AC46" s="53">
        <v>77121</v>
      </c>
      <c r="AD46" s="136">
        <v>0</v>
      </c>
      <c r="AE46" s="136">
        <v>31713</v>
      </c>
      <c r="AF46" s="136">
        <v>0</v>
      </c>
      <c r="AG46" s="59">
        <v>31713</v>
      </c>
      <c r="AH46" s="124">
        <v>32772393</v>
      </c>
      <c r="AI46" s="58" t="s">
        <v>15</v>
      </c>
      <c r="AJ46" s="59" t="s">
        <v>15</v>
      </c>
      <c r="AK46" s="60">
        <v>32772393</v>
      </c>
    </row>
    <row r="47" spans="1:37" ht="13.5" customHeight="1" x14ac:dyDescent="0.15">
      <c r="A47" s="51"/>
      <c r="B47" s="52"/>
      <c r="C47" s="52"/>
      <c r="D47" s="52" t="s">
        <v>41</v>
      </c>
      <c r="E47" s="52"/>
      <c r="F47" s="52"/>
      <c r="G47" s="41">
        <v>-888269</v>
      </c>
      <c r="H47" s="53" t="s">
        <v>15</v>
      </c>
      <c r="I47" s="54">
        <v>-888269</v>
      </c>
      <c r="J47" s="54" t="s">
        <v>15</v>
      </c>
      <c r="K47" s="57">
        <v>-888269</v>
      </c>
      <c r="L47" s="55">
        <v>-3845431</v>
      </c>
      <c r="M47" s="136">
        <v>-9331393</v>
      </c>
      <c r="N47" s="136">
        <v>-909791</v>
      </c>
      <c r="O47" s="136">
        <v>-2095495</v>
      </c>
      <c r="P47" s="136">
        <v>-2111960</v>
      </c>
      <c r="Q47" s="53">
        <v>-105581</v>
      </c>
      <c r="R47" s="58" t="s">
        <v>15</v>
      </c>
      <c r="S47" s="136" t="s">
        <v>15</v>
      </c>
      <c r="T47" s="136" t="s">
        <v>15</v>
      </c>
      <c r="U47" s="59" t="s">
        <v>15</v>
      </c>
      <c r="V47" s="56">
        <v>-19287920</v>
      </c>
      <c r="W47" s="58" t="s">
        <v>15</v>
      </c>
      <c r="X47" s="59" t="s">
        <v>15</v>
      </c>
      <c r="Y47" s="56">
        <v>-19287920</v>
      </c>
      <c r="Z47" s="55">
        <v>-32978</v>
      </c>
      <c r="AA47" s="136">
        <v>0</v>
      </c>
      <c r="AB47" s="136">
        <v>-22626</v>
      </c>
      <c r="AC47" s="53">
        <v>-55604</v>
      </c>
      <c r="AD47" s="136">
        <v>0</v>
      </c>
      <c r="AE47" s="136">
        <v>-25879</v>
      </c>
      <c r="AF47" s="136">
        <v>0</v>
      </c>
      <c r="AG47" s="59">
        <v>-25879</v>
      </c>
      <c r="AH47" s="124">
        <v>-19369403</v>
      </c>
      <c r="AI47" s="58" t="s">
        <v>15</v>
      </c>
      <c r="AJ47" s="59" t="s">
        <v>15</v>
      </c>
      <c r="AK47" s="60">
        <v>-19369403</v>
      </c>
    </row>
    <row r="48" spans="1:37" ht="13.5" customHeight="1" x14ac:dyDescent="0.15">
      <c r="A48" s="51"/>
      <c r="B48" s="52"/>
      <c r="C48" s="52"/>
      <c r="D48" s="52" t="s">
        <v>42</v>
      </c>
      <c r="E48" s="52"/>
      <c r="F48" s="52"/>
      <c r="G48" s="153"/>
      <c r="H48" s="152"/>
      <c r="I48" s="157"/>
      <c r="J48" s="157"/>
      <c r="K48" s="158"/>
      <c r="L48" s="55">
        <v>0</v>
      </c>
      <c r="M48" s="136">
        <v>0</v>
      </c>
      <c r="N48" s="136">
        <v>0</v>
      </c>
      <c r="O48" s="136">
        <v>0</v>
      </c>
      <c r="P48" s="136">
        <v>0</v>
      </c>
      <c r="Q48" s="53">
        <v>0</v>
      </c>
      <c r="R48" s="58" t="s">
        <v>15</v>
      </c>
      <c r="S48" s="136" t="s">
        <v>15</v>
      </c>
      <c r="T48" s="136" t="s">
        <v>15</v>
      </c>
      <c r="U48" s="59" t="s">
        <v>15</v>
      </c>
      <c r="V48" s="56">
        <v>0</v>
      </c>
      <c r="W48" s="58" t="s">
        <v>15</v>
      </c>
      <c r="X48" s="59" t="s">
        <v>15</v>
      </c>
      <c r="Y48" s="56">
        <v>0</v>
      </c>
      <c r="Z48" s="55">
        <v>0</v>
      </c>
      <c r="AA48" s="136">
        <v>0</v>
      </c>
      <c r="AB48" s="136">
        <v>0</v>
      </c>
      <c r="AC48" s="53">
        <v>0</v>
      </c>
      <c r="AD48" s="136">
        <v>0</v>
      </c>
      <c r="AE48" s="136">
        <v>0</v>
      </c>
      <c r="AF48" s="136">
        <v>0</v>
      </c>
      <c r="AG48" s="59">
        <v>0</v>
      </c>
      <c r="AH48" s="124">
        <v>0</v>
      </c>
      <c r="AI48" s="58" t="s">
        <v>15</v>
      </c>
      <c r="AJ48" s="59" t="s">
        <v>15</v>
      </c>
      <c r="AK48" s="60">
        <v>0</v>
      </c>
    </row>
    <row r="49" spans="1:37" ht="13.5" customHeight="1" x14ac:dyDescent="0.15">
      <c r="A49" s="51"/>
      <c r="B49" s="52"/>
      <c r="C49" s="52" t="s">
        <v>43</v>
      </c>
      <c r="D49" s="52"/>
      <c r="E49" s="52"/>
      <c r="F49" s="52"/>
      <c r="G49" s="41">
        <v>27442</v>
      </c>
      <c r="H49" s="53" t="s">
        <v>15</v>
      </c>
      <c r="I49" s="54">
        <v>27442</v>
      </c>
      <c r="J49" s="54" t="s">
        <v>15</v>
      </c>
      <c r="K49" s="57">
        <v>27442</v>
      </c>
      <c r="L49" s="55">
        <v>0</v>
      </c>
      <c r="M49" s="136">
        <v>5301622</v>
      </c>
      <c r="N49" s="136">
        <v>642080</v>
      </c>
      <c r="O49" s="136">
        <v>7426720</v>
      </c>
      <c r="P49" s="136">
        <v>0</v>
      </c>
      <c r="Q49" s="53">
        <v>0</v>
      </c>
      <c r="R49" s="58" t="s">
        <v>15</v>
      </c>
      <c r="S49" s="136" t="s">
        <v>15</v>
      </c>
      <c r="T49" s="136" t="s">
        <v>15</v>
      </c>
      <c r="U49" s="59" t="s">
        <v>15</v>
      </c>
      <c r="V49" s="56">
        <v>13397863</v>
      </c>
      <c r="W49" s="58" t="s">
        <v>15</v>
      </c>
      <c r="X49" s="59" t="s">
        <v>15</v>
      </c>
      <c r="Y49" s="56">
        <v>13397863</v>
      </c>
      <c r="Z49" s="55">
        <v>6262</v>
      </c>
      <c r="AA49" s="136">
        <v>0</v>
      </c>
      <c r="AB49" s="136">
        <v>0</v>
      </c>
      <c r="AC49" s="53">
        <v>6262</v>
      </c>
      <c r="AD49" s="136">
        <v>0</v>
      </c>
      <c r="AE49" s="136">
        <v>0</v>
      </c>
      <c r="AF49" s="136">
        <v>0</v>
      </c>
      <c r="AG49" s="59">
        <v>0</v>
      </c>
      <c r="AH49" s="124">
        <v>13404125</v>
      </c>
      <c r="AI49" s="58" t="s">
        <v>15</v>
      </c>
      <c r="AJ49" s="59" t="s">
        <v>15</v>
      </c>
      <c r="AK49" s="60">
        <v>13404125</v>
      </c>
    </row>
    <row r="50" spans="1:37" ht="13.5" customHeight="1" x14ac:dyDescent="0.15">
      <c r="A50" s="51"/>
      <c r="B50" s="52"/>
      <c r="C50" s="52"/>
      <c r="D50" s="52" t="s">
        <v>44</v>
      </c>
      <c r="E50" s="52"/>
      <c r="F50" s="52"/>
      <c r="G50" s="41">
        <v>18698</v>
      </c>
      <c r="H50" s="53" t="s">
        <v>15</v>
      </c>
      <c r="I50" s="54">
        <v>18698</v>
      </c>
      <c r="J50" s="54" t="s">
        <v>15</v>
      </c>
      <c r="K50" s="57">
        <v>18698</v>
      </c>
      <c r="L50" s="55">
        <v>0</v>
      </c>
      <c r="M50" s="136">
        <v>0</v>
      </c>
      <c r="N50" s="136">
        <v>0</v>
      </c>
      <c r="O50" s="136">
        <v>0</v>
      </c>
      <c r="P50" s="136">
        <v>0</v>
      </c>
      <c r="Q50" s="53">
        <v>0</v>
      </c>
      <c r="R50" s="58" t="s">
        <v>15</v>
      </c>
      <c r="S50" s="136" t="s">
        <v>15</v>
      </c>
      <c r="T50" s="136" t="s">
        <v>15</v>
      </c>
      <c r="U50" s="59" t="s">
        <v>15</v>
      </c>
      <c r="V50" s="56">
        <v>18698</v>
      </c>
      <c r="W50" s="58" t="s">
        <v>15</v>
      </c>
      <c r="X50" s="59" t="s">
        <v>15</v>
      </c>
      <c r="Y50" s="56">
        <v>18698</v>
      </c>
      <c r="Z50" s="55">
        <v>6262</v>
      </c>
      <c r="AA50" s="136">
        <v>0</v>
      </c>
      <c r="AB50" s="136">
        <v>0</v>
      </c>
      <c r="AC50" s="53">
        <v>6262</v>
      </c>
      <c r="AD50" s="136">
        <v>0</v>
      </c>
      <c r="AE50" s="136">
        <v>0</v>
      </c>
      <c r="AF50" s="136">
        <v>0</v>
      </c>
      <c r="AG50" s="59">
        <v>0</v>
      </c>
      <c r="AH50" s="124">
        <v>24960</v>
      </c>
      <c r="AI50" s="58" t="s">
        <v>15</v>
      </c>
      <c r="AJ50" s="59" t="s">
        <v>15</v>
      </c>
      <c r="AK50" s="60">
        <v>24960</v>
      </c>
    </row>
    <row r="51" spans="1:37" ht="13.5" customHeight="1" x14ac:dyDescent="0.15">
      <c r="A51" s="51"/>
      <c r="B51" s="52"/>
      <c r="C51" s="52"/>
      <c r="D51" s="52" t="s">
        <v>34</v>
      </c>
      <c r="E51" s="52"/>
      <c r="F51" s="52"/>
      <c r="G51" s="41">
        <v>8743</v>
      </c>
      <c r="H51" s="53" t="s">
        <v>15</v>
      </c>
      <c r="I51" s="54">
        <v>8743</v>
      </c>
      <c r="J51" s="54" t="s">
        <v>15</v>
      </c>
      <c r="K51" s="57">
        <v>8743</v>
      </c>
      <c r="L51" s="55">
        <v>0</v>
      </c>
      <c r="M51" s="136">
        <v>5301622</v>
      </c>
      <c r="N51" s="136">
        <v>642080</v>
      </c>
      <c r="O51" s="136">
        <v>7426720</v>
      </c>
      <c r="P51" s="136">
        <v>0</v>
      </c>
      <c r="Q51" s="53">
        <v>0</v>
      </c>
      <c r="R51" s="58" t="s">
        <v>15</v>
      </c>
      <c r="S51" s="136" t="s">
        <v>15</v>
      </c>
      <c r="T51" s="136" t="s">
        <v>15</v>
      </c>
      <c r="U51" s="59" t="s">
        <v>15</v>
      </c>
      <c r="V51" s="56">
        <v>13379165</v>
      </c>
      <c r="W51" s="58" t="s">
        <v>15</v>
      </c>
      <c r="X51" s="59" t="s">
        <v>15</v>
      </c>
      <c r="Y51" s="56">
        <v>13379165</v>
      </c>
      <c r="Z51" s="55">
        <v>0</v>
      </c>
      <c r="AA51" s="136">
        <v>0</v>
      </c>
      <c r="AB51" s="136">
        <v>0</v>
      </c>
      <c r="AC51" s="53">
        <v>0</v>
      </c>
      <c r="AD51" s="136">
        <v>0</v>
      </c>
      <c r="AE51" s="136">
        <v>0</v>
      </c>
      <c r="AF51" s="136">
        <v>0</v>
      </c>
      <c r="AG51" s="59">
        <v>0</v>
      </c>
      <c r="AH51" s="124">
        <v>13379165</v>
      </c>
      <c r="AI51" s="58" t="s">
        <v>15</v>
      </c>
      <c r="AJ51" s="59" t="s">
        <v>15</v>
      </c>
      <c r="AK51" s="60">
        <v>13379165</v>
      </c>
    </row>
    <row r="52" spans="1:37" ht="13.5" customHeight="1" x14ac:dyDescent="0.15">
      <c r="A52" s="51"/>
      <c r="B52" s="52"/>
      <c r="C52" s="52" t="s">
        <v>45</v>
      </c>
      <c r="D52" s="52"/>
      <c r="E52" s="52"/>
      <c r="F52" s="52"/>
      <c r="G52" s="41">
        <v>13311083</v>
      </c>
      <c r="H52" s="53">
        <v>14827</v>
      </c>
      <c r="I52" s="54">
        <v>13325910</v>
      </c>
      <c r="J52" s="54" t="s">
        <v>15</v>
      </c>
      <c r="K52" s="57">
        <v>13325910</v>
      </c>
      <c r="L52" s="55">
        <v>307075</v>
      </c>
      <c r="M52" s="136">
        <v>102822</v>
      </c>
      <c r="N52" s="136">
        <v>152368</v>
      </c>
      <c r="O52" s="136">
        <v>4143</v>
      </c>
      <c r="P52" s="136">
        <v>800</v>
      </c>
      <c r="Q52" s="53">
        <v>744834</v>
      </c>
      <c r="R52" s="58">
        <v>1685106</v>
      </c>
      <c r="S52" s="136">
        <v>1111</v>
      </c>
      <c r="T52" s="136">
        <v>966241</v>
      </c>
      <c r="U52" s="59">
        <v>11870</v>
      </c>
      <c r="V52" s="56">
        <v>17302279</v>
      </c>
      <c r="W52" s="58" t="s">
        <v>15</v>
      </c>
      <c r="X52" s="59">
        <v>-4812489</v>
      </c>
      <c r="Y52" s="56">
        <v>12489790</v>
      </c>
      <c r="Z52" s="55">
        <v>0</v>
      </c>
      <c r="AA52" s="136">
        <v>325955</v>
      </c>
      <c r="AB52" s="136">
        <v>17181</v>
      </c>
      <c r="AC52" s="53">
        <v>343136</v>
      </c>
      <c r="AD52" s="136">
        <v>348848</v>
      </c>
      <c r="AE52" s="136">
        <v>409957</v>
      </c>
      <c r="AF52" s="136">
        <v>15093</v>
      </c>
      <c r="AG52" s="59">
        <v>773898</v>
      </c>
      <c r="AH52" s="124">
        <v>13606823</v>
      </c>
      <c r="AI52" s="58" t="s">
        <v>15</v>
      </c>
      <c r="AJ52" s="59">
        <v>-713070</v>
      </c>
      <c r="AK52" s="60">
        <v>12893753</v>
      </c>
    </row>
    <row r="53" spans="1:37" ht="13.5" customHeight="1" x14ac:dyDescent="0.15">
      <c r="A53" s="51"/>
      <c r="B53" s="52"/>
      <c r="C53" s="52"/>
      <c r="D53" s="52" t="s">
        <v>46</v>
      </c>
      <c r="E53" s="52"/>
      <c r="F53" s="52"/>
      <c r="G53" s="41">
        <v>5324384</v>
      </c>
      <c r="H53" s="53" t="s">
        <v>15</v>
      </c>
      <c r="I53" s="54">
        <v>5324384</v>
      </c>
      <c r="J53" s="54" t="s">
        <v>15</v>
      </c>
      <c r="K53" s="57">
        <v>5324384</v>
      </c>
      <c r="L53" s="55">
        <v>0</v>
      </c>
      <c r="M53" s="136">
        <v>102822</v>
      </c>
      <c r="N53" s="136">
        <v>152368</v>
      </c>
      <c r="O53" s="136">
        <v>4143</v>
      </c>
      <c r="P53" s="136">
        <v>800</v>
      </c>
      <c r="Q53" s="53">
        <v>0</v>
      </c>
      <c r="R53" s="58" t="s">
        <v>15</v>
      </c>
      <c r="S53" s="136" t="s">
        <v>15</v>
      </c>
      <c r="T53" s="136" t="s">
        <v>15</v>
      </c>
      <c r="U53" s="59" t="s">
        <v>15</v>
      </c>
      <c r="V53" s="56">
        <v>5584517</v>
      </c>
      <c r="W53" s="58" t="s">
        <v>15</v>
      </c>
      <c r="X53" s="59">
        <v>-4289889</v>
      </c>
      <c r="Y53" s="56">
        <v>1294628</v>
      </c>
      <c r="Z53" s="55">
        <v>0</v>
      </c>
      <c r="AA53" s="136">
        <v>0</v>
      </c>
      <c r="AB53" s="136">
        <v>0</v>
      </c>
      <c r="AC53" s="53">
        <v>0</v>
      </c>
      <c r="AD53" s="136">
        <v>0</v>
      </c>
      <c r="AE53" s="136">
        <v>0</v>
      </c>
      <c r="AF53" s="136">
        <v>15093</v>
      </c>
      <c r="AG53" s="59">
        <v>15093</v>
      </c>
      <c r="AH53" s="124">
        <v>1309720</v>
      </c>
      <c r="AI53" s="58" t="s">
        <v>15</v>
      </c>
      <c r="AJ53" s="59">
        <v>-698950</v>
      </c>
      <c r="AK53" s="60">
        <v>610770</v>
      </c>
    </row>
    <row r="54" spans="1:37" ht="13.5" customHeight="1" x14ac:dyDescent="0.15">
      <c r="A54" s="51"/>
      <c r="B54" s="52"/>
      <c r="C54" s="52"/>
      <c r="D54" s="52"/>
      <c r="E54" s="52" t="s">
        <v>47</v>
      </c>
      <c r="F54" s="52"/>
      <c r="G54" s="41">
        <v>93572</v>
      </c>
      <c r="H54" s="53" t="s">
        <v>15</v>
      </c>
      <c r="I54" s="54">
        <v>93572</v>
      </c>
      <c r="J54" s="54" t="s">
        <v>15</v>
      </c>
      <c r="K54" s="57">
        <v>93572</v>
      </c>
      <c r="L54" s="55">
        <v>0</v>
      </c>
      <c r="M54" s="136">
        <v>100000</v>
      </c>
      <c r="N54" s="136">
        <v>150000</v>
      </c>
      <c r="O54" s="136">
        <v>0</v>
      </c>
      <c r="P54" s="136">
        <v>0</v>
      </c>
      <c r="Q54" s="53">
        <v>0</v>
      </c>
      <c r="R54" s="58" t="s">
        <v>15</v>
      </c>
      <c r="S54" s="136" t="s">
        <v>15</v>
      </c>
      <c r="T54" s="136" t="s">
        <v>15</v>
      </c>
      <c r="U54" s="59" t="s">
        <v>15</v>
      </c>
      <c r="V54" s="56">
        <v>343572</v>
      </c>
      <c r="W54" s="58" t="s">
        <v>15</v>
      </c>
      <c r="X54" s="59" t="s">
        <v>15</v>
      </c>
      <c r="Y54" s="56">
        <v>343572</v>
      </c>
      <c r="Z54" s="55">
        <v>0</v>
      </c>
      <c r="AA54" s="136">
        <v>0</v>
      </c>
      <c r="AB54" s="136">
        <v>0</v>
      </c>
      <c r="AC54" s="53">
        <v>0</v>
      </c>
      <c r="AD54" s="136">
        <v>0</v>
      </c>
      <c r="AE54" s="136">
        <v>0</v>
      </c>
      <c r="AF54" s="136">
        <v>12510</v>
      </c>
      <c r="AG54" s="59">
        <v>12510</v>
      </c>
      <c r="AH54" s="124">
        <v>356082</v>
      </c>
      <c r="AI54" s="58" t="s">
        <v>15</v>
      </c>
      <c r="AJ54" s="59" t="s">
        <v>15</v>
      </c>
      <c r="AK54" s="60">
        <v>356082</v>
      </c>
    </row>
    <row r="55" spans="1:37" ht="13.5" customHeight="1" x14ac:dyDescent="0.15">
      <c r="A55" s="51"/>
      <c r="B55" s="52"/>
      <c r="C55" s="52"/>
      <c r="D55" s="52"/>
      <c r="E55" s="52" t="s">
        <v>48</v>
      </c>
      <c r="F55" s="52"/>
      <c r="G55" s="41">
        <v>5230812</v>
      </c>
      <c r="H55" s="53" t="s">
        <v>15</v>
      </c>
      <c r="I55" s="54">
        <v>5230812</v>
      </c>
      <c r="J55" s="54" t="s">
        <v>15</v>
      </c>
      <c r="K55" s="57">
        <v>5230812</v>
      </c>
      <c r="L55" s="55">
        <v>0</v>
      </c>
      <c r="M55" s="136">
        <v>2822</v>
      </c>
      <c r="N55" s="136">
        <v>2368</v>
      </c>
      <c r="O55" s="136">
        <v>4143</v>
      </c>
      <c r="P55" s="136">
        <v>800</v>
      </c>
      <c r="Q55" s="53">
        <v>0</v>
      </c>
      <c r="R55" s="58" t="s">
        <v>15</v>
      </c>
      <c r="S55" s="136" t="s">
        <v>15</v>
      </c>
      <c r="T55" s="136" t="s">
        <v>15</v>
      </c>
      <c r="U55" s="59" t="s">
        <v>15</v>
      </c>
      <c r="V55" s="56">
        <v>5240945</v>
      </c>
      <c r="W55" s="58" t="s">
        <v>15</v>
      </c>
      <c r="X55" s="59">
        <v>-4289889</v>
      </c>
      <c r="Y55" s="56">
        <v>951056</v>
      </c>
      <c r="Z55" s="55">
        <v>0</v>
      </c>
      <c r="AA55" s="136">
        <v>0</v>
      </c>
      <c r="AB55" s="136">
        <v>0</v>
      </c>
      <c r="AC55" s="53">
        <v>0</v>
      </c>
      <c r="AD55" s="136">
        <v>0</v>
      </c>
      <c r="AE55" s="136">
        <v>0</v>
      </c>
      <c r="AF55" s="136">
        <v>0</v>
      </c>
      <c r="AG55" s="59">
        <v>0</v>
      </c>
      <c r="AH55" s="124">
        <v>951056</v>
      </c>
      <c r="AI55" s="58" t="s">
        <v>15</v>
      </c>
      <c r="AJ55" s="59">
        <v>-698950</v>
      </c>
      <c r="AK55" s="60">
        <v>252106</v>
      </c>
    </row>
    <row r="56" spans="1:37" ht="13.5" customHeight="1" x14ac:dyDescent="0.15">
      <c r="A56" s="51"/>
      <c r="B56" s="52"/>
      <c r="C56" s="52"/>
      <c r="D56" s="52"/>
      <c r="E56" s="52" t="s">
        <v>34</v>
      </c>
      <c r="F56" s="52"/>
      <c r="G56" s="41" t="s">
        <v>15</v>
      </c>
      <c r="H56" s="53" t="s">
        <v>15</v>
      </c>
      <c r="I56" s="54" t="s">
        <v>15</v>
      </c>
      <c r="J56" s="54" t="s">
        <v>15</v>
      </c>
      <c r="K56" s="57" t="s">
        <v>15</v>
      </c>
      <c r="L56" s="55">
        <v>0</v>
      </c>
      <c r="M56" s="136">
        <v>0</v>
      </c>
      <c r="N56" s="136">
        <v>0</v>
      </c>
      <c r="O56" s="136">
        <v>0</v>
      </c>
      <c r="P56" s="136">
        <v>0</v>
      </c>
      <c r="Q56" s="53">
        <v>0</v>
      </c>
      <c r="R56" s="58" t="s">
        <v>15</v>
      </c>
      <c r="S56" s="136" t="s">
        <v>15</v>
      </c>
      <c r="T56" s="136" t="s">
        <v>15</v>
      </c>
      <c r="U56" s="59" t="s">
        <v>15</v>
      </c>
      <c r="V56" s="56">
        <v>0</v>
      </c>
      <c r="W56" s="58" t="s">
        <v>15</v>
      </c>
      <c r="X56" s="59" t="s">
        <v>15</v>
      </c>
      <c r="Y56" s="56">
        <v>0</v>
      </c>
      <c r="Z56" s="55">
        <v>0</v>
      </c>
      <c r="AA56" s="136">
        <v>0</v>
      </c>
      <c r="AB56" s="136">
        <v>0</v>
      </c>
      <c r="AC56" s="53">
        <v>0</v>
      </c>
      <c r="AD56" s="136">
        <v>0</v>
      </c>
      <c r="AE56" s="136">
        <v>0</v>
      </c>
      <c r="AF56" s="136">
        <v>2583</v>
      </c>
      <c r="AG56" s="59">
        <v>2583</v>
      </c>
      <c r="AH56" s="124">
        <v>2583</v>
      </c>
      <c r="AI56" s="58" t="s">
        <v>15</v>
      </c>
      <c r="AJ56" s="59" t="s">
        <v>15</v>
      </c>
      <c r="AK56" s="60">
        <v>2583</v>
      </c>
    </row>
    <row r="57" spans="1:37" ht="13.5" customHeight="1" x14ac:dyDescent="0.15">
      <c r="A57" s="51"/>
      <c r="B57" s="52"/>
      <c r="C57" s="52"/>
      <c r="D57" s="52" t="s">
        <v>49</v>
      </c>
      <c r="E57" s="52"/>
      <c r="F57" s="52"/>
      <c r="G57" s="41">
        <v>-28400</v>
      </c>
      <c r="H57" s="53" t="s">
        <v>15</v>
      </c>
      <c r="I57" s="54">
        <v>-28400</v>
      </c>
      <c r="J57" s="54" t="s">
        <v>15</v>
      </c>
      <c r="K57" s="57">
        <v>-28400</v>
      </c>
      <c r="L57" s="55">
        <v>0</v>
      </c>
      <c r="M57" s="136">
        <v>0</v>
      </c>
      <c r="N57" s="136">
        <v>0</v>
      </c>
      <c r="O57" s="136">
        <v>0</v>
      </c>
      <c r="P57" s="136">
        <v>0</v>
      </c>
      <c r="Q57" s="53">
        <v>0</v>
      </c>
      <c r="R57" s="58" t="s">
        <v>15</v>
      </c>
      <c r="S57" s="136" t="s">
        <v>15</v>
      </c>
      <c r="T57" s="136" t="s">
        <v>15</v>
      </c>
      <c r="U57" s="59" t="s">
        <v>15</v>
      </c>
      <c r="V57" s="56">
        <v>-28400</v>
      </c>
      <c r="W57" s="58" t="s">
        <v>15</v>
      </c>
      <c r="X57" s="59">
        <v>28400</v>
      </c>
      <c r="Y57" s="56">
        <v>0</v>
      </c>
      <c r="Z57" s="150">
        <v>0</v>
      </c>
      <c r="AA57" s="151">
        <v>0</v>
      </c>
      <c r="AB57" s="151">
        <v>0</v>
      </c>
      <c r="AC57" s="152">
        <v>0</v>
      </c>
      <c r="AD57" s="151">
        <v>0</v>
      </c>
      <c r="AE57" s="151">
        <v>0</v>
      </c>
      <c r="AF57" s="151">
        <v>0</v>
      </c>
      <c r="AG57" s="152">
        <v>0</v>
      </c>
      <c r="AH57" s="124">
        <v>0</v>
      </c>
      <c r="AI57" s="58" t="s">
        <v>15</v>
      </c>
      <c r="AJ57" s="59" t="s">
        <v>15</v>
      </c>
      <c r="AK57" s="60">
        <v>0</v>
      </c>
    </row>
    <row r="58" spans="1:37" ht="13.5" customHeight="1" x14ac:dyDescent="0.15">
      <c r="A58" s="51"/>
      <c r="B58" s="52"/>
      <c r="C58" s="52"/>
      <c r="D58" s="52" t="s">
        <v>50</v>
      </c>
      <c r="E58" s="52"/>
      <c r="F58" s="52"/>
      <c r="G58" s="41">
        <v>808613</v>
      </c>
      <c r="H58" s="53">
        <v>44</v>
      </c>
      <c r="I58" s="54">
        <v>808656</v>
      </c>
      <c r="J58" s="54" t="s">
        <v>15</v>
      </c>
      <c r="K58" s="57">
        <v>808656</v>
      </c>
      <c r="L58" s="55">
        <v>0</v>
      </c>
      <c r="M58" s="136">
        <v>0</v>
      </c>
      <c r="N58" s="136">
        <v>0</v>
      </c>
      <c r="O58" s="136">
        <v>0</v>
      </c>
      <c r="P58" s="136">
        <v>0</v>
      </c>
      <c r="Q58" s="53">
        <v>0</v>
      </c>
      <c r="R58" s="58">
        <v>1043916</v>
      </c>
      <c r="S58" s="136">
        <v>1460</v>
      </c>
      <c r="T58" s="136">
        <v>17520</v>
      </c>
      <c r="U58" s="59" t="s">
        <v>15</v>
      </c>
      <c r="V58" s="56">
        <v>1871552</v>
      </c>
      <c r="W58" s="58" t="s">
        <v>15</v>
      </c>
      <c r="X58" s="59" t="s">
        <v>15</v>
      </c>
      <c r="Y58" s="56">
        <v>1871552</v>
      </c>
      <c r="Z58" s="55">
        <v>0</v>
      </c>
      <c r="AA58" s="136">
        <v>2893</v>
      </c>
      <c r="AB58" s="136">
        <v>0</v>
      </c>
      <c r="AC58" s="53">
        <v>2893</v>
      </c>
      <c r="AD58" s="136">
        <v>0</v>
      </c>
      <c r="AE58" s="136">
        <v>0</v>
      </c>
      <c r="AF58" s="136">
        <v>0</v>
      </c>
      <c r="AG58" s="59">
        <v>0</v>
      </c>
      <c r="AH58" s="124">
        <v>1874445</v>
      </c>
      <c r="AI58" s="58" t="s">
        <v>15</v>
      </c>
      <c r="AJ58" s="59" t="s">
        <v>15</v>
      </c>
      <c r="AK58" s="60">
        <v>1874445</v>
      </c>
    </row>
    <row r="59" spans="1:37" ht="13.5" customHeight="1" x14ac:dyDescent="0.15">
      <c r="A59" s="51"/>
      <c r="B59" s="52"/>
      <c r="C59" s="52"/>
      <c r="D59" s="52" t="s">
        <v>51</v>
      </c>
      <c r="E59" s="52"/>
      <c r="F59" s="52"/>
      <c r="G59" s="41">
        <v>396510</v>
      </c>
      <c r="H59" s="53" t="s">
        <v>15</v>
      </c>
      <c r="I59" s="54">
        <v>396510</v>
      </c>
      <c r="J59" s="54" t="s">
        <v>15</v>
      </c>
      <c r="K59" s="57">
        <v>396510</v>
      </c>
      <c r="L59" s="55">
        <v>0</v>
      </c>
      <c r="M59" s="136">
        <v>0</v>
      </c>
      <c r="N59" s="136">
        <v>0</v>
      </c>
      <c r="O59" s="136">
        <v>0</v>
      </c>
      <c r="P59" s="136">
        <v>0</v>
      </c>
      <c r="Q59" s="53">
        <v>0</v>
      </c>
      <c r="R59" s="58" t="s">
        <v>15</v>
      </c>
      <c r="S59" s="136" t="s">
        <v>15</v>
      </c>
      <c r="T59" s="136" t="s">
        <v>15</v>
      </c>
      <c r="U59" s="59" t="s">
        <v>15</v>
      </c>
      <c r="V59" s="56">
        <v>396510</v>
      </c>
      <c r="W59" s="58" t="s">
        <v>15</v>
      </c>
      <c r="X59" s="59" t="s">
        <v>15</v>
      </c>
      <c r="Y59" s="56">
        <v>396510</v>
      </c>
      <c r="Z59" s="55">
        <v>0</v>
      </c>
      <c r="AA59" s="136">
        <v>0</v>
      </c>
      <c r="AB59" s="136">
        <v>0</v>
      </c>
      <c r="AC59" s="53">
        <v>0</v>
      </c>
      <c r="AD59" s="136">
        <v>0</v>
      </c>
      <c r="AE59" s="136">
        <v>0</v>
      </c>
      <c r="AF59" s="136">
        <v>0</v>
      </c>
      <c r="AG59" s="59">
        <v>0</v>
      </c>
      <c r="AH59" s="124">
        <v>396510</v>
      </c>
      <c r="AI59" s="58" t="s">
        <v>15</v>
      </c>
      <c r="AJ59" s="59">
        <v>-14120</v>
      </c>
      <c r="AK59" s="60">
        <v>382390</v>
      </c>
    </row>
    <row r="60" spans="1:37" ht="13.5" customHeight="1" x14ac:dyDescent="0.15">
      <c r="A60" s="51"/>
      <c r="B60" s="52"/>
      <c r="C60" s="52"/>
      <c r="D60" s="52" t="s">
        <v>52</v>
      </c>
      <c r="E60" s="52"/>
      <c r="F60" s="52"/>
      <c r="G60" s="41">
        <v>6812848</v>
      </c>
      <c r="H60" s="53">
        <v>14783</v>
      </c>
      <c r="I60" s="54">
        <v>6827631</v>
      </c>
      <c r="J60" s="54" t="s">
        <v>15</v>
      </c>
      <c r="K60" s="57">
        <v>6827631</v>
      </c>
      <c r="L60" s="55">
        <v>110095</v>
      </c>
      <c r="M60" s="136">
        <v>0</v>
      </c>
      <c r="N60" s="136">
        <v>0</v>
      </c>
      <c r="O60" s="136">
        <v>0</v>
      </c>
      <c r="P60" s="136">
        <v>0</v>
      </c>
      <c r="Q60" s="53">
        <v>744834</v>
      </c>
      <c r="R60" s="58">
        <v>837655</v>
      </c>
      <c r="S60" s="136" t="s">
        <v>15</v>
      </c>
      <c r="T60" s="136">
        <v>956226</v>
      </c>
      <c r="U60" s="59">
        <v>11870</v>
      </c>
      <c r="V60" s="56">
        <v>9488311</v>
      </c>
      <c r="W60" s="58" t="s">
        <v>15</v>
      </c>
      <c r="X60" s="59">
        <v>-551000</v>
      </c>
      <c r="Y60" s="56">
        <v>8937311</v>
      </c>
      <c r="Z60" s="55">
        <v>0</v>
      </c>
      <c r="AA60" s="136">
        <v>323062</v>
      </c>
      <c r="AB60" s="136">
        <v>8610</v>
      </c>
      <c r="AC60" s="53">
        <v>331672</v>
      </c>
      <c r="AD60" s="136">
        <v>348848</v>
      </c>
      <c r="AE60" s="136">
        <v>409877</v>
      </c>
      <c r="AF60" s="136">
        <v>0</v>
      </c>
      <c r="AG60" s="59">
        <v>758725</v>
      </c>
      <c r="AH60" s="124">
        <v>10027708</v>
      </c>
      <c r="AI60" s="58" t="s">
        <v>15</v>
      </c>
      <c r="AJ60" s="59" t="s">
        <v>15</v>
      </c>
      <c r="AK60" s="60">
        <v>10027708</v>
      </c>
    </row>
    <row r="61" spans="1:37" ht="13.5" customHeight="1" x14ac:dyDescent="0.15">
      <c r="A61" s="51"/>
      <c r="B61" s="52"/>
      <c r="C61" s="52"/>
      <c r="D61" s="52" t="s">
        <v>53</v>
      </c>
      <c r="E61" s="52" t="s">
        <v>54</v>
      </c>
      <c r="F61" s="52"/>
      <c r="G61" s="41" t="s">
        <v>15</v>
      </c>
      <c r="H61" s="53" t="s">
        <v>15</v>
      </c>
      <c r="I61" s="54" t="s">
        <v>15</v>
      </c>
      <c r="J61" s="54" t="s">
        <v>15</v>
      </c>
      <c r="K61" s="57" t="s">
        <v>15</v>
      </c>
      <c r="L61" s="55">
        <v>0</v>
      </c>
      <c r="M61" s="136">
        <v>0</v>
      </c>
      <c r="N61" s="136">
        <v>0</v>
      </c>
      <c r="O61" s="136">
        <v>0</v>
      </c>
      <c r="P61" s="136">
        <v>0</v>
      </c>
      <c r="Q61" s="53">
        <v>0</v>
      </c>
      <c r="R61" s="58" t="s">
        <v>15</v>
      </c>
      <c r="S61" s="136" t="s">
        <v>15</v>
      </c>
      <c r="T61" s="136" t="s">
        <v>15</v>
      </c>
      <c r="U61" s="59" t="s">
        <v>15</v>
      </c>
      <c r="V61" s="56">
        <v>0</v>
      </c>
      <c r="W61" s="58" t="s">
        <v>15</v>
      </c>
      <c r="X61" s="59" t="s">
        <v>15</v>
      </c>
      <c r="Y61" s="56">
        <v>0</v>
      </c>
      <c r="Z61" s="55">
        <v>0</v>
      </c>
      <c r="AA61" s="136">
        <v>0</v>
      </c>
      <c r="AB61" s="136">
        <v>0</v>
      </c>
      <c r="AC61" s="53">
        <v>0</v>
      </c>
      <c r="AD61" s="136">
        <v>0</v>
      </c>
      <c r="AE61" s="136">
        <v>0</v>
      </c>
      <c r="AF61" s="136">
        <v>0</v>
      </c>
      <c r="AG61" s="59">
        <v>0</v>
      </c>
      <c r="AH61" s="124">
        <v>0</v>
      </c>
      <c r="AI61" s="58" t="s">
        <v>15</v>
      </c>
      <c r="AJ61" s="59" t="s">
        <v>15</v>
      </c>
      <c r="AK61" s="60">
        <v>0</v>
      </c>
    </row>
    <row r="62" spans="1:37" ht="13.5" customHeight="1" x14ac:dyDescent="0.15">
      <c r="A62" s="51"/>
      <c r="B62" s="52"/>
      <c r="C62" s="52"/>
      <c r="D62" s="52"/>
      <c r="E62" s="52" t="s">
        <v>34</v>
      </c>
      <c r="F62" s="52"/>
      <c r="G62" s="41">
        <v>6812848</v>
      </c>
      <c r="H62" s="53">
        <v>14783</v>
      </c>
      <c r="I62" s="54">
        <v>6827631</v>
      </c>
      <c r="J62" s="54" t="s">
        <v>15</v>
      </c>
      <c r="K62" s="57">
        <v>6827631</v>
      </c>
      <c r="L62" s="55">
        <v>110095</v>
      </c>
      <c r="M62" s="136">
        <v>0</v>
      </c>
      <c r="N62" s="136">
        <v>0</v>
      </c>
      <c r="O62" s="136">
        <v>0</v>
      </c>
      <c r="P62" s="136">
        <v>0</v>
      </c>
      <c r="Q62" s="53">
        <v>744834</v>
      </c>
      <c r="R62" s="58">
        <v>837655</v>
      </c>
      <c r="S62" s="136" t="s">
        <v>15</v>
      </c>
      <c r="T62" s="136">
        <v>956226</v>
      </c>
      <c r="U62" s="59">
        <v>11870</v>
      </c>
      <c r="V62" s="56">
        <v>9488311</v>
      </c>
      <c r="W62" s="58" t="s">
        <v>15</v>
      </c>
      <c r="X62" s="59">
        <v>-551000</v>
      </c>
      <c r="Y62" s="56">
        <v>8937311</v>
      </c>
      <c r="Z62" s="55">
        <v>0</v>
      </c>
      <c r="AA62" s="136">
        <v>323062</v>
      </c>
      <c r="AB62" s="136">
        <v>8610</v>
      </c>
      <c r="AC62" s="53">
        <v>331672</v>
      </c>
      <c r="AD62" s="136">
        <v>348848</v>
      </c>
      <c r="AE62" s="136">
        <v>409877</v>
      </c>
      <c r="AF62" s="136">
        <v>0</v>
      </c>
      <c r="AG62" s="59">
        <v>758725</v>
      </c>
      <c r="AH62" s="124">
        <v>10027708</v>
      </c>
      <c r="AI62" s="58" t="s">
        <v>15</v>
      </c>
      <c r="AJ62" s="59" t="s">
        <v>15</v>
      </c>
      <c r="AK62" s="60">
        <v>10027708</v>
      </c>
    </row>
    <row r="63" spans="1:37" ht="13.5" customHeight="1" x14ac:dyDescent="0.15">
      <c r="A63" s="51"/>
      <c r="B63" s="52"/>
      <c r="C63" s="52"/>
      <c r="D63" s="52" t="s">
        <v>34</v>
      </c>
      <c r="E63" s="52"/>
      <c r="F63" s="52"/>
      <c r="G63" s="41">
        <v>80777</v>
      </c>
      <c r="H63" s="53" t="s">
        <v>15</v>
      </c>
      <c r="I63" s="54">
        <v>80777</v>
      </c>
      <c r="J63" s="54" t="s">
        <v>15</v>
      </c>
      <c r="K63" s="57">
        <v>80777</v>
      </c>
      <c r="L63" s="55">
        <v>196979</v>
      </c>
      <c r="M63" s="136">
        <v>0</v>
      </c>
      <c r="N63" s="136">
        <v>0</v>
      </c>
      <c r="O63" s="136">
        <v>0</v>
      </c>
      <c r="P63" s="136">
        <v>0</v>
      </c>
      <c r="Q63" s="53">
        <v>0</v>
      </c>
      <c r="R63" s="58" t="s">
        <v>15</v>
      </c>
      <c r="S63" s="136" t="s">
        <v>15</v>
      </c>
      <c r="T63" s="136" t="s">
        <v>15</v>
      </c>
      <c r="U63" s="59" t="s">
        <v>15</v>
      </c>
      <c r="V63" s="56">
        <v>277757</v>
      </c>
      <c r="W63" s="58" t="s">
        <v>15</v>
      </c>
      <c r="X63" s="59" t="s">
        <v>15</v>
      </c>
      <c r="Y63" s="56">
        <v>277757</v>
      </c>
      <c r="Z63" s="55">
        <v>0</v>
      </c>
      <c r="AA63" s="136">
        <v>0</v>
      </c>
      <c r="AB63" s="136">
        <v>8570</v>
      </c>
      <c r="AC63" s="53">
        <v>8570</v>
      </c>
      <c r="AD63" s="136">
        <v>0</v>
      </c>
      <c r="AE63" s="136">
        <v>80</v>
      </c>
      <c r="AF63" s="136">
        <v>0</v>
      </c>
      <c r="AG63" s="59">
        <v>80</v>
      </c>
      <c r="AH63" s="124">
        <v>286408</v>
      </c>
      <c r="AI63" s="58" t="s">
        <v>15</v>
      </c>
      <c r="AJ63" s="59" t="s">
        <v>15</v>
      </c>
      <c r="AK63" s="60">
        <v>286408</v>
      </c>
    </row>
    <row r="64" spans="1:37" ht="13.5" customHeight="1" x14ac:dyDescent="0.15">
      <c r="A64" s="51"/>
      <c r="B64" s="52"/>
      <c r="C64" s="52"/>
      <c r="D64" s="52" t="s">
        <v>55</v>
      </c>
      <c r="E64" s="52"/>
      <c r="F64" s="52"/>
      <c r="G64" s="41">
        <v>-83649</v>
      </c>
      <c r="H64" s="53" t="s">
        <v>15</v>
      </c>
      <c r="I64" s="54">
        <v>-83649</v>
      </c>
      <c r="J64" s="54" t="s">
        <v>15</v>
      </c>
      <c r="K64" s="57">
        <v>-83649</v>
      </c>
      <c r="L64" s="55">
        <v>0</v>
      </c>
      <c r="M64" s="136">
        <v>0</v>
      </c>
      <c r="N64" s="136">
        <v>0</v>
      </c>
      <c r="O64" s="136">
        <v>0</v>
      </c>
      <c r="P64" s="136">
        <v>0</v>
      </c>
      <c r="Q64" s="53">
        <v>0</v>
      </c>
      <c r="R64" s="58">
        <v>-196465</v>
      </c>
      <c r="S64" s="136">
        <v>-349</v>
      </c>
      <c r="T64" s="136">
        <v>-7506</v>
      </c>
      <c r="U64" s="59" t="s">
        <v>15</v>
      </c>
      <c r="V64" s="56">
        <v>-287968</v>
      </c>
      <c r="W64" s="58" t="s">
        <v>15</v>
      </c>
      <c r="X64" s="59" t="s">
        <v>15</v>
      </c>
      <c r="Y64" s="56">
        <v>-287968</v>
      </c>
      <c r="Z64" s="55">
        <v>0</v>
      </c>
      <c r="AA64" s="136">
        <v>0</v>
      </c>
      <c r="AB64" s="136">
        <v>0</v>
      </c>
      <c r="AC64" s="53">
        <v>0</v>
      </c>
      <c r="AD64" s="136">
        <v>0</v>
      </c>
      <c r="AE64" s="136">
        <v>0</v>
      </c>
      <c r="AF64" s="136">
        <v>0</v>
      </c>
      <c r="AG64" s="59">
        <v>0</v>
      </c>
      <c r="AH64" s="124">
        <v>-287968</v>
      </c>
      <c r="AI64" s="58" t="s">
        <v>15</v>
      </c>
      <c r="AJ64" s="59" t="s">
        <v>15</v>
      </c>
      <c r="AK64" s="60">
        <v>-287968</v>
      </c>
    </row>
    <row r="65" spans="1:37" ht="13.5" customHeight="1" x14ac:dyDescent="0.15">
      <c r="A65" s="51"/>
      <c r="B65" s="52" t="s">
        <v>56</v>
      </c>
      <c r="C65" s="52"/>
      <c r="D65" s="52"/>
      <c r="E65" s="52"/>
      <c r="F65" s="62"/>
      <c r="G65" s="56">
        <v>11640663</v>
      </c>
      <c r="H65" s="53">
        <v>288</v>
      </c>
      <c r="I65" s="54">
        <v>11640951</v>
      </c>
      <c r="J65" s="54">
        <v>0</v>
      </c>
      <c r="K65" s="57">
        <v>11640951</v>
      </c>
      <c r="L65" s="55">
        <v>2760937</v>
      </c>
      <c r="M65" s="136">
        <v>2906880</v>
      </c>
      <c r="N65" s="136">
        <v>1173851</v>
      </c>
      <c r="O65" s="136">
        <v>1615077</v>
      </c>
      <c r="P65" s="136">
        <v>1127937</v>
      </c>
      <c r="Q65" s="53">
        <v>1394622</v>
      </c>
      <c r="R65" s="58">
        <v>1748768</v>
      </c>
      <c r="S65" s="136">
        <v>9803</v>
      </c>
      <c r="T65" s="136">
        <v>132205</v>
      </c>
      <c r="U65" s="59">
        <v>76</v>
      </c>
      <c r="V65" s="56">
        <v>24511107</v>
      </c>
      <c r="W65" s="58">
        <v>-219012</v>
      </c>
      <c r="X65" s="59">
        <v>-6625</v>
      </c>
      <c r="Y65" s="56">
        <v>24285470</v>
      </c>
      <c r="Z65" s="55">
        <v>375271</v>
      </c>
      <c r="AA65" s="136">
        <v>607115</v>
      </c>
      <c r="AB65" s="136">
        <v>2260</v>
      </c>
      <c r="AC65" s="53">
        <v>984646</v>
      </c>
      <c r="AD65" s="136">
        <v>215423</v>
      </c>
      <c r="AE65" s="136">
        <v>25465</v>
      </c>
      <c r="AF65" s="136">
        <v>107394</v>
      </c>
      <c r="AG65" s="59">
        <v>348282</v>
      </c>
      <c r="AH65" s="124">
        <v>25618399</v>
      </c>
      <c r="AI65" s="58">
        <v>-50986</v>
      </c>
      <c r="AJ65" s="59">
        <v>-2824</v>
      </c>
      <c r="AK65" s="60">
        <v>25564589</v>
      </c>
    </row>
    <row r="66" spans="1:37" ht="13.5" customHeight="1" x14ac:dyDescent="0.15">
      <c r="A66" s="51"/>
      <c r="B66" s="52"/>
      <c r="C66" s="52" t="s">
        <v>57</v>
      </c>
      <c r="D66" s="52"/>
      <c r="E66" s="52"/>
      <c r="F66" s="52"/>
      <c r="G66" s="41">
        <v>1736774</v>
      </c>
      <c r="H66" s="53">
        <v>288</v>
      </c>
      <c r="I66" s="54">
        <v>1737062</v>
      </c>
      <c r="J66" s="54">
        <v>0</v>
      </c>
      <c r="K66" s="57">
        <v>1737062</v>
      </c>
      <c r="L66" s="55">
        <v>1170794</v>
      </c>
      <c r="M66" s="136">
        <v>2773593</v>
      </c>
      <c r="N66" s="136">
        <v>1066705</v>
      </c>
      <c r="O66" s="136">
        <v>1177470</v>
      </c>
      <c r="P66" s="136">
        <v>1064554</v>
      </c>
      <c r="Q66" s="53">
        <v>1325548</v>
      </c>
      <c r="R66" s="58">
        <v>1475036</v>
      </c>
      <c r="S66" s="136">
        <v>4519</v>
      </c>
      <c r="T66" s="136">
        <v>112178</v>
      </c>
      <c r="U66" s="59">
        <v>76</v>
      </c>
      <c r="V66" s="56">
        <v>11907533</v>
      </c>
      <c r="W66" s="58">
        <v>-188719</v>
      </c>
      <c r="X66" s="59">
        <v>0</v>
      </c>
      <c r="Y66" s="56">
        <v>11718814</v>
      </c>
      <c r="Z66" s="55">
        <v>375271</v>
      </c>
      <c r="AA66" s="136">
        <v>603089</v>
      </c>
      <c r="AB66" s="136">
        <v>2260</v>
      </c>
      <c r="AC66" s="53">
        <v>980620</v>
      </c>
      <c r="AD66" s="136">
        <v>191075</v>
      </c>
      <c r="AE66" s="136">
        <v>8770</v>
      </c>
      <c r="AF66" s="136">
        <v>104023</v>
      </c>
      <c r="AG66" s="59">
        <v>303869</v>
      </c>
      <c r="AH66" s="124">
        <v>13003302</v>
      </c>
      <c r="AI66" s="58">
        <v>79547</v>
      </c>
      <c r="AJ66" s="59">
        <v>0</v>
      </c>
      <c r="AK66" s="60">
        <v>13082849</v>
      </c>
    </row>
    <row r="67" spans="1:37" ht="13.5" customHeight="1" x14ac:dyDescent="0.15">
      <c r="A67" s="51"/>
      <c r="B67" s="52"/>
      <c r="C67" s="52" t="s">
        <v>58</v>
      </c>
      <c r="D67" s="52"/>
      <c r="E67" s="52"/>
      <c r="F67" s="52"/>
      <c r="G67" s="41">
        <v>264732</v>
      </c>
      <c r="H67" s="53">
        <v>0</v>
      </c>
      <c r="I67" s="54">
        <v>264732</v>
      </c>
      <c r="J67" s="54" t="s">
        <v>15</v>
      </c>
      <c r="K67" s="57">
        <v>264732</v>
      </c>
      <c r="L67" s="55">
        <v>1576231</v>
      </c>
      <c r="M67" s="136">
        <v>145493</v>
      </c>
      <c r="N67" s="136">
        <v>107146</v>
      </c>
      <c r="O67" s="136">
        <v>446398</v>
      </c>
      <c r="P67" s="136">
        <v>53274</v>
      </c>
      <c r="Q67" s="53">
        <v>69074</v>
      </c>
      <c r="R67" s="58">
        <v>274611</v>
      </c>
      <c r="S67" s="136">
        <v>5285</v>
      </c>
      <c r="T67" s="136">
        <v>20027</v>
      </c>
      <c r="U67" s="59" t="s">
        <v>15</v>
      </c>
      <c r="V67" s="56">
        <v>2962270</v>
      </c>
      <c r="W67" s="58">
        <v>-30293</v>
      </c>
      <c r="X67" s="59">
        <v>-6625</v>
      </c>
      <c r="Y67" s="56">
        <v>2925353</v>
      </c>
      <c r="Z67" s="55">
        <v>0</v>
      </c>
      <c r="AA67" s="136">
        <v>4027</v>
      </c>
      <c r="AB67" s="136">
        <v>0</v>
      </c>
      <c r="AC67" s="53">
        <v>4027</v>
      </c>
      <c r="AD67" s="136">
        <v>24199</v>
      </c>
      <c r="AE67" s="136">
        <v>0</v>
      </c>
      <c r="AF67" s="136">
        <v>0</v>
      </c>
      <c r="AG67" s="59">
        <v>24199</v>
      </c>
      <c r="AH67" s="124">
        <v>2953578</v>
      </c>
      <c r="AI67" s="58">
        <v>-130533</v>
      </c>
      <c r="AJ67" s="59" t="s">
        <v>15</v>
      </c>
      <c r="AK67" s="60">
        <v>2823045</v>
      </c>
    </row>
    <row r="68" spans="1:37" ht="13.5" customHeight="1" x14ac:dyDescent="0.15">
      <c r="A68" s="51"/>
      <c r="B68" s="52"/>
      <c r="C68" s="52" t="s">
        <v>59</v>
      </c>
      <c r="D68" s="52"/>
      <c r="E68" s="52"/>
      <c r="F68" s="52"/>
      <c r="G68" s="41">
        <v>16668</v>
      </c>
      <c r="H68" s="53" t="s">
        <v>15</v>
      </c>
      <c r="I68" s="54">
        <v>16668</v>
      </c>
      <c r="J68" s="54" t="s">
        <v>15</v>
      </c>
      <c r="K68" s="57">
        <v>16668</v>
      </c>
      <c r="L68" s="55">
        <v>0</v>
      </c>
      <c r="M68" s="136">
        <v>0</v>
      </c>
      <c r="N68" s="136">
        <v>0</v>
      </c>
      <c r="O68" s="136">
        <v>0</v>
      </c>
      <c r="P68" s="136">
        <v>0</v>
      </c>
      <c r="Q68" s="53">
        <v>0</v>
      </c>
      <c r="R68" s="58" t="s">
        <v>15</v>
      </c>
      <c r="S68" s="136" t="s">
        <v>15</v>
      </c>
      <c r="T68" s="136" t="s">
        <v>15</v>
      </c>
      <c r="U68" s="59" t="s">
        <v>15</v>
      </c>
      <c r="V68" s="56">
        <v>16668</v>
      </c>
      <c r="W68" s="58" t="s">
        <v>15</v>
      </c>
      <c r="X68" s="59" t="s">
        <v>15</v>
      </c>
      <c r="Y68" s="56">
        <v>16668</v>
      </c>
      <c r="Z68" s="55">
        <v>0</v>
      </c>
      <c r="AA68" s="136">
        <v>0</v>
      </c>
      <c r="AB68" s="136">
        <v>0</v>
      </c>
      <c r="AC68" s="53">
        <v>0</v>
      </c>
      <c r="AD68" s="136">
        <v>0</v>
      </c>
      <c r="AE68" s="136">
        <v>0</v>
      </c>
      <c r="AF68" s="136">
        <v>0</v>
      </c>
      <c r="AG68" s="59">
        <v>0</v>
      </c>
      <c r="AH68" s="124">
        <v>16668</v>
      </c>
      <c r="AI68" s="58" t="s">
        <v>15</v>
      </c>
      <c r="AJ68" s="59">
        <v>-2824</v>
      </c>
      <c r="AK68" s="60">
        <v>13844</v>
      </c>
    </row>
    <row r="69" spans="1:37" ht="13.5" customHeight="1" x14ac:dyDescent="0.15">
      <c r="A69" s="51"/>
      <c r="B69" s="52"/>
      <c r="C69" s="52" t="s">
        <v>52</v>
      </c>
      <c r="D69" s="52"/>
      <c r="E69" s="52"/>
      <c r="F69" s="52"/>
      <c r="G69" s="41">
        <v>8239086</v>
      </c>
      <c r="H69" s="53" t="s">
        <v>15</v>
      </c>
      <c r="I69" s="54">
        <v>8239086</v>
      </c>
      <c r="J69" s="54" t="s">
        <v>15</v>
      </c>
      <c r="K69" s="57">
        <v>8239086</v>
      </c>
      <c r="L69" s="55">
        <v>0</v>
      </c>
      <c r="M69" s="136">
        <v>0</v>
      </c>
      <c r="N69" s="136">
        <v>0</v>
      </c>
      <c r="O69" s="136">
        <v>0</v>
      </c>
      <c r="P69" s="136">
        <v>0</v>
      </c>
      <c r="Q69" s="53">
        <v>0</v>
      </c>
      <c r="R69" s="58" t="s">
        <v>15</v>
      </c>
      <c r="S69" s="136" t="s">
        <v>15</v>
      </c>
      <c r="T69" s="136" t="s">
        <v>15</v>
      </c>
      <c r="U69" s="59" t="s">
        <v>15</v>
      </c>
      <c r="V69" s="56">
        <v>8239086</v>
      </c>
      <c r="W69" s="58" t="s">
        <v>15</v>
      </c>
      <c r="X69" s="59" t="s">
        <v>15</v>
      </c>
      <c r="Y69" s="56">
        <v>8239086</v>
      </c>
      <c r="Z69" s="55">
        <v>0</v>
      </c>
      <c r="AA69" s="136">
        <v>0</v>
      </c>
      <c r="AB69" s="136">
        <v>0</v>
      </c>
      <c r="AC69" s="53">
        <v>0</v>
      </c>
      <c r="AD69" s="136">
        <v>0</v>
      </c>
      <c r="AE69" s="136">
        <v>0</v>
      </c>
      <c r="AF69" s="136">
        <v>0</v>
      </c>
      <c r="AG69" s="59">
        <v>0</v>
      </c>
      <c r="AH69" s="124">
        <v>8239086</v>
      </c>
      <c r="AI69" s="58" t="s">
        <v>15</v>
      </c>
      <c r="AJ69" s="59" t="s">
        <v>15</v>
      </c>
      <c r="AK69" s="60">
        <v>8239086</v>
      </c>
    </row>
    <row r="70" spans="1:37" ht="13.5" customHeight="1" x14ac:dyDescent="0.15">
      <c r="A70" s="51"/>
      <c r="B70" s="52"/>
      <c r="C70" s="52"/>
      <c r="D70" s="52" t="s">
        <v>60</v>
      </c>
      <c r="E70" s="52"/>
      <c r="F70" s="52"/>
      <c r="G70" s="41">
        <v>7610810</v>
      </c>
      <c r="H70" s="53" t="s">
        <v>15</v>
      </c>
      <c r="I70" s="54">
        <v>7610810</v>
      </c>
      <c r="J70" s="54" t="s">
        <v>15</v>
      </c>
      <c r="K70" s="57">
        <v>7610810</v>
      </c>
      <c r="L70" s="55">
        <v>0</v>
      </c>
      <c r="M70" s="136">
        <v>0</v>
      </c>
      <c r="N70" s="136">
        <v>0</v>
      </c>
      <c r="O70" s="136">
        <v>0</v>
      </c>
      <c r="P70" s="136">
        <v>0</v>
      </c>
      <c r="Q70" s="53">
        <v>0</v>
      </c>
      <c r="R70" s="58" t="s">
        <v>15</v>
      </c>
      <c r="S70" s="136" t="s">
        <v>15</v>
      </c>
      <c r="T70" s="136" t="s">
        <v>15</v>
      </c>
      <c r="U70" s="59" t="s">
        <v>15</v>
      </c>
      <c r="V70" s="56">
        <v>7610810</v>
      </c>
      <c r="W70" s="58" t="s">
        <v>15</v>
      </c>
      <c r="X70" s="59" t="s">
        <v>15</v>
      </c>
      <c r="Y70" s="56">
        <v>7610810</v>
      </c>
      <c r="Z70" s="55">
        <v>0</v>
      </c>
      <c r="AA70" s="136">
        <v>0</v>
      </c>
      <c r="AB70" s="136">
        <v>0</v>
      </c>
      <c r="AC70" s="53">
        <v>0</v>
      </c>
      <c r="AD70" s="136">
        <v>0</v>
      </c>
      <c r="AE70" s="136">
        <v>0</v>
      </c>
      <c r="AF70" s="136">
        <v>0</v>
      </c>
      <c r="AG70" s="59">
        <v>0</v>
      </c>
      <c r="AH70" s="124">
        <v>7610810</v>
      </c>
      <c r="AI70" s="58" t="s">
        <v>15</v>
      </c>
      <c r="AJ70" s="59" t="s">
        <v>15</v>
      </c>
      <c r="AK70" s="60">
        <v>7610810</v>
      </c>
    </row>
    <row r="71" spans="1:37" ht="13.5" customHeight="1" x14ac:dyDescent="0.15">
      <c r="A71" s="51"/>
      <c r="B71" s="52"/>
      <c r="C71" s="52"/>
      <c r="D71" s="52" t="s">
        <v>54</v>
      </c>
      <c r="E71" s="52"/>
      <c r="F71" s="52"/>
      <c r="G71" s="41">
        <v>628276</v>
      </c>
      <c r="H71" s="53" t="s">
        <v>15</v>
      </c>
      <c r="I71" s="54">
        <v>628276</v>
      </c>
      <c r="J71" s="54" t="s">
        <v>15</v>
      </c>
      <c r="K71" s="57">
        <v>628276</v>
      </c>
      <c r="L71" s="55">
        <v>0</v>
      </c>
      <c r="M71" s="136">
        <v>0</v>
      </c>
      <c r="N71" s="136">
        <v>0</v>
      </c>
      <c r="O71" s="136">
        <v>0</v>
      </c>
      <c r="P71" s="136">
        <v>0</v>
      </c>
      <c r="Q71" s="53">
        <v>0</v>
      </c>
      <c r="R71" s="58" t="s">
        <v>15</v>
      </c>
      <c r="S71" s="136" t="s">
        <v>15</v>
      </c>
      <c r="T71" s="136" t="s">
        <v>15</v>
      </c>
      <c r="U71" s="59" t="s">
        <v>15</v>
      </c>
      <c r="V71" s="56">
        <v>628276</v>
      </c>
      <c r="W71" s="58" t="s">
        <v>15</v>
      </c>
      <c r="X71" s="59" t="s">
        <v>15</v>
      </c>
      <c r="Y71" s="56">
        <v>628276</v>
      </c>
      <c r="Z71" s="55">
        <v>0</v>
      </c>
      <c r="AA71" s="136">
        <v>0</v>
      </c>
      <c r="AB71" s="136">
        <v>0</v>
      </c>
      <c r="AC71" s="53">
        <v>0</v>
      </c>
      <c r="AD71" s="136">
        <v>0</v>
      </c>
      <c r="AE71" s="136">
        <v>0</v>
      </c>
      <c r="AF71" s="136">
        <v>0</v>
      </c>
      <c r="AG71" s="59">
        <v>0</v>
      </c>
      <c r="AH71" s="124">
        <v>628276</v>
      </c>
      <c r="AI71" s="58" t="s">
        <v>15</v>
      </c>
      <c r="AJ71" s="59" t="s">
        <v>15</v>
      </c>
      <c r="AK71" s="60">
        <v>628276</v>
      </c>
    </row>
    <row r="72" spans="1:37" ht="13.5" customHeight="1" x14ac:dyDescent="0.15">
      <c r="A72" s="51"/>
      <c r="B72" s="52"/>
      <c r="C72" s="52" t="s">
        <v>61</v>
      </c>
      <c r="D72" s="52"/>
      <c r="E72" s="52"/>
      <c r="F72" s="52"/>
      <c r="G72" s="41" t="s">
        <v>15</v>
      </c>
      <c r="H72" s="53" t="s">
        <v>15</v>
      </c>
      <c r="I72" s="54" t="s">
        <v>15</v>
      </c>
      <c r="J72" s="54" t="s">
        <v>15</v>
      </c>
      <c r="K72" s="57" t="s">
        <v>15</v>
      </c>
      <c r="L72" s="55">
        <v>21891</v>
      </c>
      <c r="M72" s="136">
        <v>0</v>
      </c>
      <c r="N72" s="136">
        <v>0</v>
      </c>
      <c r="O72" s="136">
        <v>0</v>
      </c>
      <c r="P72" s="136">
        <v>2765</v>
      </c>
      <c r="Q72" s="53">
        <v>0</v>
      </c>
      <c r="R72" s="58" t="s">
        <v>15</v>
      </c>
      <c r="S72" s="136" t="s">
        <v>15</v>
      </c>
      <c r="T72" s="136" t="s">
        <v>15</v>
      </c>
      <c r="U72" s="59" t="s">
        <v>15</v>
      </c>
      <c r="V72" s="56">
        <v>24657</v>
      </c>
      <c r="W72" s="58" t="s">
        <v>15</v>
      </c>
      <c r="X72" s="59" t="s">
        <v>15</v>
      </c>
      <c r="Y72" s="56">
        <v>24657</v>
      </c>
      <c r="Z72" s="55">
        <v>0</v>
      </c>
      <c r="AA72" s="136">
        <v>0</v>
      </c>
      <c r="AB72" s="136">
        <v>0</v>
      </c>
      <c r="AC72" s="53">
        <v>0</v>
      </c>
      <c r="AD72" s="136">
        <v>0</v>
      </c>
      <c r="AE72" s="136">
        <v>16694</v>
      </c>
      <c r="AF72" s="136">
        <v>0</v>
      </c>
      <c r="AG72" s="59">
        <v>16694</v>
      </c>
      <c r="AH72" s="124">
        <v>41351</v>
      </c>
      <c r="AI72" s="58" t="s">
        <v>15</v>
      </c>
      <c r="AJ72" s="59" t="s">
        <v>15</v>
      </c>
      <c r="AK72" s="60">
        <v>41351</v>
      </c>
    </row>
    <row r="73" spans="1:37" ht="13.5" customHeight="1" x14ac:dyDescent="0.15">
      <c r="A73" s="51"/>
      <c r="B73" s="52"/>
      <c r="C73" s="52" t="s">
        <v>34</v>
      </c>
      <c r="D73" s="52"/>
      <c r="E73" s="52"/>
      <c r="F73" s="52"/>
      <c r="G73" s="41">
        <v>1383561</v>
      </c>
      <c r="H73" s="53" t="s">
        <v>15</v>
      </c>
      <c r="I73" s="54">
        <v>1383561</v>
      </c>
      <c r="J73" s="54" t="s">
        <v>15</v>
      </c>
      <c r="K73" s="57">
        <v>1383561</v>
      </c>
      <c r="L73" s="55">
        <v>0</v>
      </c>
      <c r="M73" s="136">
        <v>0</v>
      </c>
      <c r="N73" s="136">
        <v>0</v>
      </c>
      <c r="O73" s="136">
        <v>15</v>
      </c>
      <c r="P73" s="136">
        <v>7344</v>
      </c>
      <c r="Q73" s="53">
        <v>0</v>
      </c>
      <c r="R73" s="58" t="s">
        <v>15</v>
      </c>
      <c r="S73" s="136" t="s">
        <v>15</v>
      </c>
      <c r="T73" s="136" t="s">
        <v>15</v>
      </c>
      <c r="U73" s="59" t="s">
        <v>15</v>
      </c>
      <c r="V73" s="56">
        <v>1390920</v>
      </c>
      <c r="W73" s="58" t="s">
        <v>15</v>
      </c>
      <c r="X73" s="59" t="s">
        <v>15</v>
      </c>
      <c r="Y73" s="56">
        <v>1390920</v>
      </c>
      <c r="Z73" s="55">
        <v>0</v>
      </c>
      <c r="AA73" s="136">
        <v>0</v>
      </c>
      <c r="AB73" s="136">
        <v>0</v>
      </c>
      <c r="AC73" s="53">
        <v>0</v>
      </c>
      <c r="AD73" s="136">
        <v>150</v>
      </c>
      <c r="AE73" s="136">
        <v>0</v>
      </c>
      <c r="AF73" s="136">
        <v>3371</v>
      </c>
      <c r="AG73" s="59">
        <v>3521</v>
      </c>
      <c r="AH73" s="124">
        <v>1394441</v>
      </c>
      <c r="AI73" s="58" t="s">
        <v>15</v>
      </c>
      <c r="AJ73" s="59" t="s">
        <v>15</v>
      </c>
      <c r="AK73" s="60">
        <v>1394441</v>
      </c>
    </row>
    <row r="74" spans="1:37" ht="13.5" customHeight="1" x14ac:dyDescent="0.15">
      <c r="A74" s="65"/>
      <c r="B74" s="66"/>
      <c r="C74" s="66" t="s">
        <v>55</v>
      </c>
      <c r="D74" s="66"/>
      <c r="E74" s="66"/>
      <c r="F74" s="66"/>
      <c r="G74" s="41">
        <v>-158</v>
      </c>
      <c r="H74" s="53" t="s">
        <v>15</v>
      </c>
      <c r="I74" s="54">
        <v>-158</v>
      </c>
      <c r="J74" s="54" t="s">
        <v>15</v>
      </c>
      <c r="K74" s="57">
        <v>-158</v>
      </c>
      <c r="L74" s="55">
        <v>-7979</v>
      </c>
      <c r="M74" s="136">
        <v>-12206</v>
      </c>
      <c r="N74" s="136">
        <v>0</v>
      </c>
      <c r="O74" s="136">
        <v>-8806</v>
      </c>
      <c r="P74" s="136">
        <v>0</v>
      </c>
      <c r="Q74" s="53">
        <v>0</v>
      </c>
      <c r="R74" s="58">
        <v>-879</v>
      </c>
      <c r="S74" s="136" t="s">
        <v>15</v>
      </c>
      <c r="T74" s="136" t="s">
        <v>15</v>
      </c>
      <c r="U74" s="59" t="s">
        <v>15</v>
      </c>
      <c r="V74" s="56">
        <v>-30027</v>
      </c>
      <c r="W74" s="58" t="s">
        <v>15</v>
      </c>
      <c r="X74" s="59" t="s">
        <v>15</v>
      </c>
      <c r="Y74" s="56">
        <v>-30027</v>
      </c>
      <c r="Z74" s="55">
        <v>0</v>
      </c>
      <c r="AA74" s="136">
        <v>0</v>
      </c>
      <c r="AB74" s="136">
        <v>0</v>
      </c>
      <c r="AC74" s="53">
        <v>0</v>
      </c>
      <c r="AD74" s="136">
        <v>0</v>
      </c>
      <c r="AE74" s="136">
        <v>0</v>
      </c>
      <c r="AF74" s="136">
        <v>0</v>
      </c>
      <c r="AG74" s="59">
        <v>0</v>
      </c>
      <c r="AH74" s="124">
        <v>-30027</v>
      </c>
      <c r="AI74" s="58" t="s">
        <v>15</v>
      </c>
      <c r="AJ74" s="59" t="s">
        <v>15</v>
      </c>
      <c r="AK74" s="60">
        <v>-30027</v>
      </c>
    </row>
    <row r="75" spans="1:37" ht="13.5" customHeight="1" x14ac:dyDescent="0.15">
      <c r="A75" s="67"/>
      <c r="B75" s="68" t="s">
        <v>62</v>
      </c>
      <c r="C75" s="68"/>
      <c r="D75" s="68"/>
      <c r="E75" s="68"/>
      <c r="F75" s="68"/>
      <c r="G75" s="164"/>
      <c r="H75" s="165"/>
      <c r="I75" s="166"/>
      <c r="J75" s="166"/>
      <c r="K75" s="168"/>
      <c r="L75" s="72">
        <v>0</v>
      </c>
      <c r="M75" s="137">
        <v>0</v>
      </c>
      <c r="N75" s="137">
        <v>0</v>
      </c>
      <c r="O75" s="137">
        <v>0</v>
      </c>
      <c r="P75" s="137">
        <v>0</v>
      </c>
      <c r="Q75" s="70">
        <v>0</v>
      </c>
      <c r="R75" s="69" t="s">
        <v>15</v>
      </c>
      <c r="S75" s="137" t="s">
        <v>15</v>
      </c>
      <c r="T75" s="137" t="s">
        <v>15</v>
      </c>
      <c r="U75" s="75" t="s">
        <v>15</v>
      </c>
      <c r="V75" s="73">
        <v>0</v>
      </c>
      <c r="W75" s="69" t="s">
        <v>15</v>
      </c>
      <c r="X75" s="75" t="s">
        <v>15</v>
      </c>
      <c r="Y75" s="73">
        <v>0</v>
      </c>
      <c r="Z75" s="72">
        <v>0</v>
      </c>
      <c r="AA75" s="137">
        <v>0</v>
      </c>
      <c r="AB75" s="137">
        <v>0</v>
      </c>
      <c r="AC75" s="70">
        <v>0</v>
      </c>
      <c r="AD75" s="137">
        <v>0</v>
      </c>
      <c r="AE75" s="137">
        <v>0</v>
      </c>
      <c r="AF75" s="137">
        <v>0</v>
      </c>
      <c r="AG75" s="75">
        <v>0</v>
      </c>
      <c r="AH75" s="125">
        <v>0</v>
      </c>
      <c r="AI75" s="69" t="s">
        <v>15</v>
      </c>
      <c r="AJ75" s="75" t="s">
        <v>15</v>
      </c>
      <c r="AK75" s="76">
        <v>0</v>
      </c>
    </row>
    <row r="76" spans="1:37" ht="13.5" customHeight="1" x14ac:dyDescent="0.15">
      <c r="A76" s="77" t="s">
        <v>63</v>
      </c>
      <c r="B76" s="78"/>
      <c r="C76" s="78"/>
      <c r="D76" s="78"/>
      <c r="E76" s="78"/>
      <c r="F76" s="78"/>
      <c r="G76" s="41">
        <v>392638931</v>
      </c>
      <c r="H76" s="42">
        <v>15115</v>
      </c>
      <c r="I76" s="43">
        <v>392654046</v>
      </c>
      <c r="J76" s="43">
        <v>0</v>
      </c>
      <c r="K76" s="79">
        <v>392654046</v>
      </c>
      <c r="L76" s="44">
        <v>11759845</v>
      </c>
      <c r="M76" s="135">
        <v>34549455</v>
      </c>
      <c r="N76" s="135">
        <v>3112882</v>
      </c>
      <c r="O76" s="135">
        <v>64806064</v>
      </c>
      <c r="P76" s="135">
        <v>1729382</v>
      </c>
      <c r="Q76" s="42">
        <v>2329980</v>
      </c>
      <c r="R76" s="41">
        <v>3433873</v>
      </c>
      <c r="S76" s="135">
        <v>10914</v>
      </c>
      <c r="T76" s="135">
        <v>1098445</v>
      </c>
      <c r="U76" s="80">
        <v>11946</v>
      </c>
      <c r="V76" s="45">
        <v>515496832</v>
      </c>
      <c r="W76" s="41">
        <v>-219012</v>
      </c>
      <c r="X76" s="80">
        <v>-4813239</v>
      </c>
      <c r="Y76" s="45">
        <v>510464581</v>
      </c>
      <c r="Z76" s="44">
        <v>9055318</v>
      </c>
      <c r="AA76" s="135">
        <v>933070</v>
      </c>
      <c r="AB76" s="135">
        <v>75031</v>
      </c>
      <c r="AC76" s="42">
        <v>10063419</v>
      </c>
      <c r="AD76" s="135">
        <v>564271</v>
      </c>
      <c r="AE76" s="135">
        <v>598007</v>
      </c>
      <c r="AF76" s="135">
        <v>719219</v>
      </c>
      <c r="AG76" s="80">
        <v>1881497</v>
      </c>
      <c r="AH76" s="123">
        <v>522409496</v>
      </c>
      <c r="AI76" s="41">
        <v>-50986</v>
      </c>
      <c r="AJ76" s="80">
        <v>-715894</v>
      </c>
      <c r="AK76" s="50">
        <v>521642616</v>
      </c>
    </row>
    <row r="77" spans="1:37" ht="13.5" customHeight="1" x14ac:dyDescent="0.15">
      <c r="A77" s="51"/>
      <c r="B77" s="52" t="s">
        <v>64</v>
      </c>
      <c r="C77" s="52"/>
      <c r="D77" s="52"/>
      <c r="E77" s="52"/>
      <c r="F77" s="52"/>
      <c r="G77" s="41">
        <v>69357533</v>
      </c>
      <c r="H77" s="53">
        <v>902</v>
      </c>
      <c r="I77" s="54">
        <v>69358435</v>
      </c>
      <c r="J77" s="54" t="s">
        <v>15</v>
      </c>
      <c r="K77" s="57">
        <v>69358435</v>
      </c>
      <c r="L77" s="55">
        <v>9352401</v>
      </c>
      <c r="M77" s="136">
        <v>20060488</v>
      </c>
      <c r="N77" s="136">
        <v>922801</v>
      </c>
      <c r="O77" s="136">
        <v>49689247</v>
      </c>
      <c r="P77" s="136">
        <v>1790124</v>
      </c>
      <c r="Q77" s="53">
        <v>1063196</v>
      </c>
      <c r="R77" s="58">
        <v>12528</v>
      </c>
      <c r="S77" s="136">
        <v>4360</v>
      </c>
      <c r="T77" s="136">
        <v>12032</v>
      </c>
      <c r="U77" s="59">
        <v>871</v>
      </c>
      <c r="V77" s="56">
        <v>152266483</v>
      </c>
      <c r="W77" s="58">
        <v>-219012</v>
      </c>
      <c r="X77" s="59">
        <v>-4756784</v>
      </c>
      <c r="Y77" s="56">
        <v>147290688</v>
      </c>
      <c r="Z77" s="55">
        <v>4230498</v>
      </c>
      <c r="AA77" s="136">
        <v>43</v>
      </c>
      <c r="AB77" s="136">
        <v>22908</v>
      </c>
      <c r="AC77" s="53">
        <v>4253449</v>
      </c>
      <c r="AD77" s="136">
        <v>158908</v>
      </c>
      <c r="AE77" s="136">
        <v>10703</v>
      </c>
      <c r="AF77" s="136">
        <v>61399</v>
      </c>
      <c r="AG77" s="59">
        <v>231010</v>
      </c>
      <c r="AH77" s="124">
        <v>151775147</v>
      </c>
      <c r="AI77" s="58">
        <v>-50986</v>
      </c>
      <c r="AJ77" s="59">
        <v>-16944</v>
      </c>
      <c r="AK77" s="60">
        <v>151707217</v>
      </c>
    </row>
    <row r="78" spans="1:37" ht="13.5" customHeight="1" x14ac:dyDescent="0.15">
      <c r="A78" s="51"/>
      <c r="B78" s="52"/>
      <c r="C78" s="52" t="s">
        <v>65</v>
      </c>
      <c r="D78" s="52"/>
      <c r="E78" s="52"/>
      <c r="F78" s="52"/>
      <c r="G78" s="41">
        <v>61332730</v>
      </c>
      <c r="H78" s="53" t="s">
        <v>15</v>
      </c>
      <c r="I78" s="54">
        <v>61332730</v>
      </c>
      <c r="J78" s="54" t="s">
        <v>15</v>
      </c>
      <c r="K78" s="57">
        <v>61332730</v>
      </c>
      <c r="L78" s="55">
        <v>6447218</v>
      </c>
      <c r="M78" s="136">
        <v>18203948</v>
      </c>
      <c r="N78" s="136">
        <v>801766</v>
      </c>
      <c r="O78" s="136">
        <v>45498133</v>
      </c>
      <c r="P78" s="136">
        <v>1449613</v>
      </c>
      <c r="Q78" s="53">
        <v>262363</v>
      </c>
      <c r="R78" s="58" t="s">
        <v>15</v>
      </c>
      <c r="S78" s="136" t="s">
        <v>15</v>
      </c>
      <c r="T78" s="136" t="s">
        <v>15</v>
      </c>
      <c r="U78" s="59" t="s">
        <v>15</v>
      </c>
      <c r="V78" s="56">
        <v>133995771</v>
      </c>
      <c r="W78" s="58" t="s">
        <v>15</v>
      </c>
      <c r="X78" s="59">
        <v>-4473159</v>
      </c>
      <c r="Y78" s="56">
        <v>129522612</v>
      </c>
      <c r="Z78" s="55">
        <v>3716040</v>
      </c>
      <c r="AA78" s="136">
        <v>0</v>
      </c>
      <c r="AB78" s="136">
        <v>19994</v>
      </c>
      <c r="AC78" s="53">
        <v>3736034</v>
      </c>
      <c r="AD78" s="136">
        <v>38848</v>
      </c>
      <c r="AE78" s="136">
        <v>5605</v>
      </c>
      <c r="AF78" s="136">
        <v>42377</v>
      </c>
      <c r="AG78" s="59">
        <v>86830</v>
      </c>
      <c r="AH78" s="124">
        <v>133345475</v>
      </c>
      <c r="AI78" s="58" t="s">
        <v>15</v>
      </c>
      <c r="AJ78" s="59">
        <v>-16944</v>
      </c>
      <c r="AK78" s="60">
        <v>133328531</v>
      </c>
    </row>
    <row r="79" spans="1:37" ht="13.5" customHeight="1" x14ac:dyDescent="0.15">
      <c r="A79" s="51"/>
      <c r="B79" s="52"/>
      <c r="C79" s="52"/>
      <c r="D79" s="52" t="s">
        <v>66</v>
      </c>
      <c r="E79" s="52"/>
      <c r="F79" s="52"/>
      <c r="G79" s="41">
        <v>53987321</v>
      </c>
      <c r="H79" s="53" t="s">
        <v>15</v>
      </c>
      <c r="I79" s="54">
        <v>53987321</v>
      </c>
      <c r="J79" s="54" t="s">
        <v>15</v>
      </c>
      <c r="K79" s="57">
        <v>53987321</v>
      </c>
      <c r="L79" s="55">
        <v>2355617</v>
      </c>
      <c r="M79" s="136">
        <v>11929844</v>
      </c>
      <c r="N79" s="136">
        <v>442530</v>
      </c>
      <c r="O79" s="136">
        <v>29445417</v>
      </c>
      <c r="P79" s="136">
        <v>290030</v>
      </c>
      <c r="Q79" s="53">
        <v>95800</v>
      </c>
      <c r="R79" s="58" t="s">
        <v>15</v>
      </c>
      <c r="S79" s="136" t="s">
        <v>15</v>
      </c>
      <c r="T79" s="136" t="s">
        <v>15</v>
      </c>
      <c r="U79" s="59" t="s">
        <v>15</v>
      </c>
      <c r="V79" s="56">
        <v>98546559</v>
      </c>
      <c r="W79" s="58" t="s">
        <v>15</v>
      </c>
      <c r="X79" s="59">
        <v>-274000</v>
      </c>
      <c r="Y79" s="56">
        <v>98272559</v>
      </c>
      <c r="Z79" s="55">
        <v>3716040</v>
      </c>
      <c r="AA79" s="136">
        <v>0</v>
      </c>
      <c r="AB79" s="136">
        <v>14298</v>
      </c>
      <c r="AC79" s="53">
        <v>3730337</v>
      </c>
      <c r="AD79" s="136">
        <v>0</v>
      </c>
      <c r="AE79" s="136">
        <v>0</v>
      </c>
      <c r="AF79" s="136">
        <v>16944</v>
      </c>
      <c r="AG79" s="59">
        <v>16944</v>
      </c>
      <c r="AH79" s="124">
        <v>102019840</v>
      </c>
      <c r="AI79" s="58" t="s">
        <v>15</v>
      </c>
      <c r="AJ79" s="59">
        <v>-16944</v>
      </c>
      <c r="AK79" s="60">
        <v>102002896</v>
      </c>
    </row>
    <row r="80" spans="1:37" ht="13.5" customHeight="1" x14ac:dyDescent="0.15">
      <c r="A80" s="51"/>
      <c r="B80" s="52"/>
      <c r="C80" s="52"/>
      <c r="D80" s="52" t="s">
        <v>67</v>
      </c>
      <c r="E80" s="52"/>
      <c r="F80" s="52"/>
      <c r="G80" s="41">
        <v>304206</v>
      </c>
      <c r="H80" s="53" t="s">
        <v>15</v>
      </c>
      <c r="I80" s="54">
        <v>304206</v>
      </c>
      <c r="J80" s="54" t="s">
        <v>15</v>
      </c>
      <c r="K80" s="57">
        <v>304206</v>
      </c>
      <c r="L80" s="55">
        <v>0</v>
      </c>
      <c r="M80" s="136">
        <v>0</v>
      </c>
      <c r="N80" s="136">
        <v>0</v>
      </c>
      <c r="O80" s="136">
        <v>0</v>
      </c>
      <c r="P80" s="136">
        <v>0</v>
      </c>
      <c r="Q80" s="53">
        <v>0</v>
      </c>
      <c r="R80" s="58" t="s">
        <v>15</v>
      </c>
      <c r="S80" s="136" t="s">
        <v>15</v>
      </c>
      <c r="T80" s="136" t="s">
        <v>15</v>
      </c>
      <c r="U80" s="59" t="s">
        <v>15</v>
      </c>
      <c r="V80" s="56">
        <v>304206</v>
      </c>
      <c r="W80" s="58" t="s">
        <v>15</v>
      </c>
      <c r="X80" s="59" t="s">
        <v>15</v>
      </c>
      <c r="Y80" s="56">
        <v>304206</v>
      </c>
      <c r="Z80" s="55">
        <v>0</v>
      </c>
      <c r="AA80" s="136">
        <v>0</v>
      </c>
      <c r="AB80" s="136">
        <v>0</v>
      </c>
      <c r="AC80" s="53">
        <v>0</v>
      </c>
      <c r="AD80" s="136">
        <v>0</v>
      </c>
      <c r="AE80" s="136">
        <v>0</v>
      </c>
      <c r="AF80" s="136">
        <v>0</v>
      </c>
      <c r="AG80" s="59">
        <v>0</v>
      </c>
      <c r="AH80" s="124">
        <v>304206</v>
      </c>
      <c r="AI80" s="58" t="s">
        <v>15</v>
      </c>
      <c r="AJ80" s="59" t="s">
        <v>15</v>
      </c>
      <c r="AK80" s="60">
        <v>304206</v>
      </c>
    </row>
    <row r="81" spans="1:37" ht="13.5" customHeight="1" x14ac:dyDescent="0.15">
      <c r="A81" s="51"/>
      <c r="B81" s="52"/>
      <c r="C81" s="52"/>
      <c r="D81" s="52" t="s">
        <v>68</v>
      </c>
      <c r="E81" s="52"/>
      <c r="F81" s="52"/>
      <c r="G81" s="41">
        <v>7020626</v>
      </c>
      <c r="H81" s="53" t="s">
        <v>15</v>
      </c>
      <c r="I81" s="54">
        <v>7020626</v>
      </c>
      <c r="J81" s="54" t="s">
        <v>15</v>
      </c>
      <c r="K81" s="57">
        <v>7020626</v>
      </c>
      <c r="L81" s="55">
        <v>2384329</v>
      </c>
      <c r="M81" s="136">
        <v>196081</v>
      </c>
      <c r="N81" s="136">
        <v>14510</v>
      </c>
      <c r="O81" s="136">
        <v>40973</v>
      </c>
      <c r="P81" s="136">
        <v>1107893</v>
      </c>
      <c r="Q81" s="53">
        <v>8615</v>
      </c>
      <c r="R81" s="58" t="s">
        <v>15</v>
      </c>
      <c r="S81" s="136" t="s">
        <v>15</v>
      </c>
      <c r="T81" s="136" t="s">
        <v>15</v>
      </c>
      <c r="U81" s="59" t="s">
        <v>15</v>
      </c>
      <c r="V81" s="56">
        <v>10773027</v>
      </c>
      <c r="W81" s="58" t="s">
        <v>15</v>
      </c>
      <c r="X81" s="59" t="s">
        <v>15</v>
      </c>
      <c r="Y81" s="56">
        <v>10773027</v>
      </c>
      <c r="Z81" s="55">
        <v>0</v>
      </c>
      <c r="AA81" s="136">
        <v>0</v>
      </c>
      <c r="AB81" s="136">
        <v>0</v>
      </c>
      <c r="AC81" s="53">
        <v>0</v>
      </c>
      <c r="AD81" s="136">
        <v>38848</v>
      </c>
      <c r="AE81" s="136">
        <v>5605</v>
      </c>
      <c r="AF81" s="136">
        <v>0</v>
      </c>
      <c r="AG81" s="59">
        <v>44453</v>
      </c>
      <c r="AH81" s="124">
        <v>10817480</v>
      </c>
      <c r="AI81" s="58" t="s">
        <v>15</v>
      </c>
      <c r="AJ81" s="59" t="s">
        <v>15</v>
      </c>
      <c r="AK81" s="60">
        <v>10817480</v>
      </c>
    </row>
    <row r="82" spans="1:37" ht="13.5" customHeight="1" x14ac:dyDescent="0.15">
      <c r="A82" s="51"/>
      <c r="B82" s="52"/>
      <c r="C82" s="52"/>
      <c r="D82" s="52" t="s">
        <v>69</v>
      </c>
      <c r="E82" s="52"/>
      <c r="F82" s="52"/>
      <c r="G82" s="41">
        <v>20079</v>
      </c>
      <c r="H82" s="53" t="s">
        <v>15</v>
      </c>
      <c r="I82" s="54">
        <v>20079</v>
      </c>
      <c r="J82" s="54" t="s">
        <v>15</v>
      </c>
      <c r="K82" s="57">
        <v>20079</v>
      </c>
      <c r="L82" s="55">
        <v>0</v>
      </c>
      <c r="M82" s="136">
        <v>0</v>
      </c>
      <c r="N82" s="136">
        <v>0</v>
      </c>
      <c r="O82" s="136">
        <v>0</v>
      </c>
      <c r="P82" s="136">
        <v>0</v>
      </c>
      <c r="Q82" s="53">
        <v>0</v>
      </c>
      <c r="R82" s="58" t="s">
        <v>15</v>
      </c>
      <c r="S82" s="136" t="s">
        <v>15</v>
      </c>
      <c r="T82" s="136" t="s">
        <v>15</v>
      </c>
      <c r="U82" s="59" t="s">
        <v>15</v>
      </c>
      <c r="V82" s="56">
        <v>20079</v>
      </c>
      <c r="W82" s="58" t="s">
        <v>15</v>
      </c>
      <c r="X82" s="59" t="s">
        <v>15</v>
      </c>
      <c r="Y82" s="56">
        <v>20079</v>
      </c>
      <c r="Z82" s="55">
        <v>0</v>
      </c>
      <c r="AA82" s="136">
        <v>0</v>
      </c>
      <c r="AB82" s="136">
        <v>0</v>
      </c>
      <c r="AC82" s="53">
        <v>0</v>
      </c>
      <c r="AD82" s="136">
        <v>0</v>
      </c>
      <c r="AE82" s="136">
        <v>0</v>
      </c>
      <c r="AF82" s="136">
        <v>0</v>
      </c>
      <c r="AG82" s="59">
        <v>0</v>
      </c>
      <c r="AH82" s="124">
        <v>20079</v>
      </c>
      <c r="AI82" s="58" t="s">
        <v>15</v>
      </c>
      <c r="AJ82" s="59" t="s">
        <v>15</v>
      </c>
      <c r="AK82" s="60">
        <v>20079</v>
      </c>
    </row>
    <row r="83" spans="1:37" ht="13.5" customHeight="1" x14ac:dyDescent="0.15">
      <c r="A83" s="51"/>
      <c r="B83" s="52"/>
      <c r="C83" s="52"/>
      <c r="D83" s="52" t="s">
        <v>34</v>
      </c>
      <c r="E83" s="52"/>
      <c r="F83" s="52"/>
      <c r="G83" s="41">
        <v>499</v>
      </c>
      <c r="H83" s="53" t="s">
        <v>15</v>
      </c>
      <c r="I83" s="54">
        <v>499</v>
      </c>
      <c r="J83" s="54" t="s">
        <v>15</v>
      </c>
      <c r="K83" s="57">
        <v>499</v>
      </c>
      <c r="L83" s="55">
        <v>1707272</v>
      </c>
      <c r="M83" s="136">
        <v>6078022</v>
      </c>
      <c r="N83" s="136">
        <v>344726</v>
      </c>
      <c r="O83" s="136">
        <v>16011744</v>
      </c>
      <c r="P83" s="136">
        <v>51689</v>
      </c>
      <c r="Q83" s="53">
        <v>157949</v>
      </c>
      <c r="R83" s="58" t="s">
        <v>15</v>
      </c>
      <c r="S83" s="136" t="s">
        <v>15</v>
      </c>
      <c r="T83" s="136" t="s">
        <v>15</v>
      </c>
      <c r="U83" s="59" t="s">
        <v>15</v>
      </c>
      <c r="V83" s="56">
        <v>24351901</v>
      </c>
      <c r="W83" s="58" t="s">
        <v>15</v>
      </c>
      <c r="X83" s="59">
        <v>-4199159</v>
      </c>
      <c r="Y83" s="56">
        <v>20152742</v>
      </c>
      <c r="Z83" s="55">
        <v>0</v>
      </c>
      <c r="AA83" s="136">
        <v>0</v>
      </c>
      <c r="AB83" s="136">
        <v>5696</v>
      </c>
      <c r="AC83" s="53">
        <v>5696</v>
      </c>
      <c r="AD83" s="136">
        <v>0</v>
      </c>
      <c r="AE83" s="136">
        <v>0</v>
      </c>
      <c r="AF83" s="136">
        <v>25433</v>
      </c>
      <c r="AG83" s="59">
        <v>25433</v>
      </c>
      <c r="AH83" s="124">
        <v>20183871</v>
      </c>
      <c r="AI83" s="58" t="s">
        <v>15</v>
      </c>
      <c r="AJ83" s="59" t="s">
        <v>15</v>
      </c>
      <c r="AK83" s="60">
        <v>20183871</v>
      </c>
    </row>
    <row r="84" spans="1:37" ht="13.5" customHeight="1" x14ac:dyDescent="0.15">
      <c r="A84" s="51"/>
      <c r="B84" s="52"/>
      <c r="C84" s="52" t="s">
        <v>70</v>
      </c>
      <c r="D84" s="52"/>
      <c r="E84" s="52"/>
      <c r="F84" s="52"/>
      <c r="G84" s="41">
        <v>8024803</v>
      </c>
      <c r="H84" s="53">
        <v>902</v>
      </c>
      <c r="I84" s="54">
        <v>8025705</v>
      </c>
      <c r="J84" s="54" t="s">
        <v>15</v>
      </c>
      <c r="K84" s="57">
        <v>8025705</v>
      </c>
      <c r="L84" s="55">
        <v>2905183</v>
      </c>
      <c r="M84" s="136">
        <v>1856540</v>
      </c>
      <c r="N84" s="136">
        <v>121036</v>
      </c>
      <c r="O84" s="136">
        <v>4191114</v>
      </c>
      <c r="P84" s="136">
        <v>340511</v>
      </c>
      <c r="Q84" s="53">
        <v>800832</v>
      </c>
      <c r="R84" s="58">
        <v>12528</v>
      </c>
      <c r="S84" s="136">
        <v>4360</v>
      </c>
      <c r="T84" s="136">
        <v>12032</v>
      </c>
      <c r="U84" s="59">
        <v>871</v>
      </c>
      <c r="V84" s="56">
        <v>18270712</v>
      </c>
      <c r="W84" s="58">
        <v>-219012</v>
      </c>
      <c r="X84" s="59">
        <v>-283625</v>
      </c>
      <c r="Y84" s="56">
        <v>17768076</v>
      </c>
      <c r="Z84" s="55">
        <v>514458</v>
      </c>
      <c r="AA84" s="136">
        <v>43</v>
      </c>
      <c r="AB84" s="136">
        <v>2914</v>
      </c>
      <c r="AC84" s="53">
        <v>517415</v>
      </c>
      <c r="AD84" s="136">
        <v>120060</v>
      </c>
      <c r="AE84" s="136">
        <v>5098</v>
      </c>
      <c r="AF84" s="136">
        <v>19023</v>
      </c>
      <c r="AG84" s="59">
        <v>144181</v>
      </c>
      <c r="AH84" s="124">
        <v>18429672</v>
      </c>
      <c r="AI84" s="58">
        <v>-50986</v>
      </c>
      <c r="AJ84" s="59" t="s">
        <v>15</v>
      </c>
      <c r="AK84" s="60">
        <v>18378686</v>
      </c>
    </row>
    <row r="85" spans="1:37" ht="13.5" customHeight="1" x14ac:dyDescent="0.15">
      <c r="A85" s="51"/>
      <c r="B85" s="52"/>
      <c r="C85" s="52"/>
      <c r="D85" s="52" t="s">
        <v>71</v>
      </c>
      <c r="E85" s="52"/>
      <c r="F85" s="52"/>
      <c r="G85" s="41">
        <v>6996598</v>
      </c>
      <c r="H85" s="53" t="s">
        <v>15</v>
      </c>
      <c r="I85" s="54">
        <v>6996598</v>
      </c>
      <c r="J85" s="54" t="s">
        <v>15</v>
      </c>
      <c r="K85" s="57">
        <v>6996598</v>
      </c>
      <c r="L85" s="55">
        <v>836602</v>
      </c>
      <c r="M85" s="136">
        <v>825559</v>
      </c>
      <c r="N85" s="136">
        <v>54914</v>
      </c>
      <c r="O85" s="136">
        <v>3100283</v>
      </c>
      <c r="P85" s="136">
        <v>110641</v>
      </c>
      <c r="Q85" s="53">
        <v>46800</v>
      </c>
      <c r="R85" s="58" t="s">
        <v>15</v>
      </c>
      <c r="S85" s="136" t="s">
        <v>15</v>
      </c>
      <c r="T85" s="136" t="s">
        <v>15</v>
      </c>
      <c r="U85" s="59" t="s">
        <v>15</v>
      </c>
      <c r="V85" s="56">
        <v>11971398</v>
      </c>
      <c r="W85" s="58" t="s">
        <v>15</v>
      </c>
      <c r="X85" s="59">
        <v>-277000</v>
      </c>
      <c r="Y85" s="56">
        <v>11694398</v>
      </c>
      <c r="Z85" s="55">
        <v>378873</v>
      </c>
      <c r="AA85" s="136">
        <v>0</v>
      </c>
      <c r="AB85" s="136">
        <v>2575</v>
      </c>
      <c r="AC85" s="53">
        <v>381447</v>
      </c>
      <c r="AD85" s="136">
        <v>0</v>
      </c>
      <c r="AE85" s="136">
        <v>0</v>
      </c>
      <c r="AF85" s="136">
        <v>0</v>
      </c>
      <c r="AG85" s="59">
        <v>0</v>
      </c>
      <c r="AH85" s="124">
        <v>12075845</v>
      </c>
      <c r="AI85" s="58" t="s">
        <v>15</v>
      </c>
      <c r="AJ85" s="59" t="s">
        <v>15</v>
      </c>
      <c r="AK85" s="60">
        <v>12075845</v>
      </c>
    </row>
    <row r="86" spans="1:37" ht="13.5" customHeight="1" x14ac:dyDescent="0.15">
      <c r="A86" s="51"/>
      <c r="B86" s="52"/>
      <c r="C86" s="52"/>
      <c r="D86" s="52" t="s">
        <v>72</v>
      </c>
      <c r="E86" s="52"/>
      <c r="F86" s="52"/>
      <c r="G86" s="41">
        <v>20928</v>
      </c>
      <c r="H86" s="53" t="s">
        <v>15</v>
      </c>
      <c r="I86" s="54">
        <v>20928</v>
      </c>
      <c r="J86" s="54" t="s">
        <v>15</v>
      </c>
      <c r="K86" s="57">
        <v>20928</v>
      </c>
      <c r="L86" s="55">
        <v>1649480</v>
      </c>
      <c r="M86" s="136">
        <v>662661</v>
      </c>
      <c r="N86" s="136">
        <v>64396</v>
      </c>
      <c r="O86" s="136">
        <v>1078536</v>
      </c>
      <c r="P86" s="136">
        <v>93425</v>
      </c>
      <c r="Q86" s="53">
        <v>524037</v>
      </c>
      <c r="R86" s="58" t="s">
        <v>15</v>
      </c>
      <c r="S86" s="136" t="s">
        <v>15</v>
      </c>
      <c r="T86" s="136" t="s">
        <v>15</v>
      </c>
      <c r="U86" s="59" t="s">
        <v>15</v>
      </c>
      <c r="V86" s="56">
        <v>4093462</v>
      </c>
      <c r="W86" s="58">
        <v>-219012</v>
      </c>
      <c r="X86" s="59">
        <v>-6625</v>
      </c>
      <c r="Y86" s="56">
        <v>3867825</v>
      </c>
      <c r="Z86" s="55">
        <v>0</v>
      </c>
      <c r="AA86" s="136">
        <v>0</v>
      </c>
      <c r="AB86" s="136">
        <v>0</v>
      </c>
      <c r="AC86" s="53">
        <v>0</v>
      </c>
      <c r="AD86" s="136">
        <v>72491</v>
      </c>
      <c r="AE86" s="136">
        <v>412</v>
      </c>
      <c r="AF86" s="136">
        <v>3640</v>
      </c>
      <c r="AG86" s="59">
        <v>76543</v>
      </c>
      <c r="AH86" s="124">
        <v>3944368</v>
      </c>
      <c r="AI86" s="58">
        <v>-50986</v>
      </c>
      <c r="AJ86" s="59" t="s">
        <v>15</v>
      </c>
      <c r="AK86" s="60">
        <v>3893382</v>
      </c>
    </row>
    <row r="87" spans="1:37" ht="13.5" customHeight="1" x14ac:dyDescent="0.15">
      <c r="A87" s="51"/>
      <c r="B87" s="52"/>
      <c r="C87" s="52"/>
      <c r="D87" s="52" t="s">
        <v>73</v>
      </c>
      <c r="E87" s="52"/>
      <c r="F87" s="52"/>
      <c r="G87" s="41" t="s">
        <v>15</v>
      </c>
      <c r="H87" s="53" t="s">
        <v>15</v>
      </c>
      <c r="I87" s="54" t="s">
        <v>15</v>
      </c>
      <c r="J87" s="54" t="s">
        <v>15</v>
      </c>
      <c r="K87" s="57" t="s">
        <v>15</v>
      </c>
      <c r="L87" s="55">
        <v>0</v>
      </c>
      <c r="M87" s="136">
        <v>0</v>
      </c>
      <c r="N87" s="136">
        <v>0</v>
      </c>
      <c r="O87" s="136">
        <v>0</v>
      </c>
      <c r="P87" s="136">
        <v>0</v>
      </c>
      <c r="Q87" s="53">
        <v>0</v>
      </c>
      <c r="R87" s="58" t="s">
        <v>15</v>
      </c>
      <c r="S87" s="136" t="s">
        <v>15</v>
      </c>
      <c r="T87" s="136" t="s">
        <v>15</v>
      </c>
      <c r="U87" s="59" t="s">
        <v>15</v>
      </c>
      <c r="V87" s="56">
        <v>0</v>
      </c>
      <c r="W87" s="58" t="s">
        <v>15</v>
      </c>
      <c r="X87" s="59" t="s">
        <v>15</v>
      </c>
      <c r="Y87" s="56">
        <v>0</v>
      </c>
      <c r="Z87" s="55">
        <v>0</v>
      </c>
      <c r="AA87" s="136">
        <v>0</v>
      </c>
      <c r="AB87" s="136">
        <v>0</v>
      </c>
      <c r="AC87" s="53">
        <v>0</v>
      </c>
      <c r="AD87" s="136">
        <v>0</v>
      </c>
      <c r="AE87" s="136">
        <v>3840</v>
      </c>
      <c r="AF87" s="136">
        <v>0</v>
      </c>
      <c r="AG87" s="59">
        <v>3840</v>
      </c>
      <c r="AH87" s="124">
        <v>3840</v>
      </c>
      <c r="AI87" s="58" t="s">
        <v>15</v>
      </c>
      <c r="AJ87" s="59" t="s">
        <v>15</v>
      </c>
      <c r="AK87" s="60">
        <v>3840</v>
      </c>
    </row>
    <row r="88" spans="1:37" ht="13.5" customHeight="1" x14ac:dyDescent="0.15">
      <c r="A88" s="51"/>
      <c r="B88" s="52"/>
      <c r="C88" s="52"/>
      <c r="D88" s="52" t="s">
        <v>74</v>
      </c>
      <c r="E88" s="52"/>
      <c r="F88" s="52"/>
      <c r="G88" s="41" t="s">
        <v>15</v>
      </c>
      <c r="H88" s="53" t="s">
        <v>15</v>
      </c>
      <c r="I88" s="54" t="s">
        <v>15</v>
      </c>
      <c r="J88" s="54" t="s">
        <v>15</v>
      </c>
      <c r="K88" s="57" t="s">
        <v>15</v>
      </c>
      <c r="L88" s="55">
        <v>0</v>
      </c>
      <c r="M88" s="136">
        <v>0</v>
      </c>
      <c r="N88" s="136">
        <v>0</v>
      </c>
      <c r="O88" s="136">
        <v>0</v>
      </c>
      <c r="P88" s="136">
        <v>0</v>
      </c>
      <c r="Q88" s="53">
        <v>0</v>
      </c>
      <c r="R88" s="58" t="s">
        <v>15</v>
      </c>
      <c r="S88" s="136" t="s">
        <v>15</v>
      </c>
      <c r="T88" s="136" t="s">
        <v>15</v>
      </c>
      <c r="U88" s="59" t="s">
        <v>15</v>
      </c>
      <c r="V88" s="56">
        <v>0</v>
      </c>
      <c r="W88" s="58" t="s">
        <v>15</v>
      </c>
      <c r="X88" s="59" t="s">
        <v>15</v>
      </c>
      <c r="Y88" s="56">
        <v>0</v>
      </c>
      <c r="Z88" s="55">
        <v>0</v>
      </c>
      <c r="AA88" s="136">
        <v>0</v>
      </c>
      <c r="AB88" s="136">
        <v>0</v>
      </c>
      <c r="AC88" s="53">
        <v>0</v>
      </c>
      <c r="AD88" s="136">
        <v>38330</v>
      </c>
      <c r="AE88" s="136">
        <v>30</v>
      </c>
      <c r="AF88" s="136">
        <v>15237</v>
      </c>
      <c r="AG88" s="59">
        <v>53597</v>
      </c>
      <c r="AH88" s="124">
        <v>53597</v>
      </c>
      <c r="AI88" s="58" t="s">
        <v>15</v>
      </c>
      <c r="AJ88" s="59" t="s">
        <v>15</v>
      </c>
      <c r="AK88" s="60">
        <v>53597</v>
      </c>
    </row>
    <row r="89" spans="1:37" ht="13.5" customHeight="1" x14ac:dyDescent="0.15">
      <c r="A89" s="51"/>
      <c r="B89" s="52"/>
      <c r="C89" s="52"/>
      <c r="D89" s="52" t="s">
        <v>75</v>
      </c>
      <c r="E89" s="52"/>
      <c r="F89" s="52"/>
      <c r="G89" s="41" t="s">
        <v>15</v>
      </c>
      <c r="H89" s="53" t="s">
        <v>15</v>
      </c>
      <c r="I89" s="54" t="s">
        <v>15</v>
      </c>
      <c r="J89" s="54" t="s">
        <v>15</v>
      </c>
      <c r="K89" s="57" t="s">
        <v>15</v>
      </c>
      <c r="L89" s="55">
        <v>0</v>
      </c>
      <c r="M89" s="136">
        <v>0</v>
      </c>
      <c r="N89" s="136">
        <v>0</v>
      </c>
      <c r="O89" s="136">
        <v>0</v>
      </c>
      <c r="P89" s="136">
        <v>0</v>
      </c>
      <c r="Q89" s="53">
        <v>0</v>
      </c>
      <c r="R89" s="58" t="s">
        <v>15</v>
      </c>
      <c r="S89" s="136" t="s">
        <v>15</v>
      </c>
      <c r="T89" s="136" t="s">
        <v>15</v>
      </c>
      <c r="U89" s="59" t="s">
        <v>15</v>
      </c>
      <c r="V89" s="56">
        <v>0</v>
      </c>
      <c r="W89" s="58" t="s">
        <v>15</v>
      </c>
      <c r="X89" s="59" t="s">
        <v>15</v>
      </c>
      <c r="Y89" s="56">
        <v>0</v>
      </c>
      <c r="Z89" s="55">
        <v>0</v>
      </c>
      <c r="AA89" s="136">
        <v>0</v>
      </c>
      <c r="AB89" s="136">
        <v>0</v>
      </c>
      <c r="AC89" s="53">
        <v>0</v>
      </c>
      <c r="AD89" s="136">
        <v>0</v>
      </c>
      <c r="AE89" s="136">
        <v>0</v>
      </c>
      <c r="AF89" s="136">
        <v>0</v>
      </c>
      <c r="AG89" s="59">
        <v>0</v>
      </c>
      <c r="AH89" s="124">
        <v>0</v>
      </c>
      <c r="AI89" s="58" t="s">
        <v>15</v>
      </c>
      <c r="AJ89" s="59" t="s">
        <v>15</v>
      </c>
      <c r="AK89" s="60">
        <v>0</v>
      </c>
    </row>
    <row r="90" spans="1:37" ht="13.5" customHeight="1" x14ac:dyDescent="0.15">
      <c r="A90" s="51"/>
      <c r="B90" s="52"/>
      <c r="C90" s="52"/>
      <c r="D90" s="52" t="s">
        <v>76</v>
      </c>
      <c r="E90" s="52"/>
      <c r="F90" s="52"/>
      <c r="G90" s="41">
        <v>832279</v>
      </c>
      <c r="H90" s="53">
        <v>902</v>
      </c>
      <c r="I90" s="54">
        <v>833180</v>
      </c>
      <c r="J90" s="54" t="s">
        <v>15</v>
      </c>
      <c r="K90" s="57">
        <v>833180</v>
      </c>
      <c r="L90" s="55">
        <v>345327</v>
      </c>
      <c r="M90" s="136">
        <v>24586</v>
      </c>
      <c r="N90" s="136">
        <v>1562</v>
      </c>
      <c r="O90" s="136">
        <v>10726</v>
      </c>
      <c r="P90" s="136">
        <v>109513</v>
      </c>
      <c r="Q90" s="53">
        <v>6950</v>
      </c>
      <c r="R90" s="58">
        <v>12528</v>
      </c>
      <c r="S90" s="136">
        <v>4360</v>
      </c>
      <c r="T90" s="136">
        <v>12032</v>
      </c>
      <c r="U90" s="59">
        <v>871</v>
      </c>
      <c r="V90" s="56">
        <v>1361636</v>
      </c>
      <c r="W90" s="58" t="s">
        <v>15</v>
      </c>
      <c r="X90" s="59" t="s">
        <v>15</v>
      </c>
      <c r="Y90" s="56">
        <v>1361636</v>
      </c>
      <c r="Z90" s="55">
        <v>0</v>
      </c>
      <c r="AA90" s="136">
        <v>0</v>
      </c>
      <c r="AB90" s="136">
        <v>340</v>
      </c>
      <c r="AC90" s="53">
        <v>340</v>
      </c>
      <c r="AD90" s="136">
        <v>0</v>
      </c>
      <c r="AE90" s="136">
        <v>0</v>
      </c>
      <c r="AF90" s="136">
        <v>0</v>
      </c>
      <c r="AG90" s="59">
        <v>0</v>
      </c>
      <c r="AH90" s="124">
        <v>1361975</v>
      </c>
      <c r="AI90" s="58" t="s">
        <v>15</v>
      </c>
      <c r="AJ90" s="59" t="s">
        <v>15</v>
      </c>
      <c r="AK90" s="60">
        <v>1361975</v>
      </c>
    </row>
    <row r="91" spans="1:37" ht="13.5" customHeight="1" x14ac:dyDescent="0.15">
      <c r="A91" s="51"/>
      <c r="B91" s="52"/>
      <c r="C91" s="52"/>
      <c r="D91" s="52" t="s">
        <v>77</v>
      </c>
      <c r="E91" s="52"/>
      <c r="F91" s="52"/>
      <c r="G91" s="41">
        <v>167782</v>
      </c>
      <c r="H91" s="53" t="s">
        <v>15</v>
      </c>
      <c r="I91" s="54">
        <v>167782</v>
      </c>
      <c r="J91" s="54" t="s">
        <v>15</v>
      </c>
      <c r="K91" s="57">
        <v>167782</v>
      </c>
      <c r="L91" s="55">
        <v>0</v>
      </c>
      <c r="M91" s="136">
        <v>0</v>
      </c>
      <c r="N91" s="136">
        <v>0</v>
      </c>
      <c r="O91" s="136">
        <v>0</v>
      </c>
      <c r="P91" s="136">
        <v>26932</v>
      </c>
      <c r="Q91" s="53">
        <v>170646</v>
      </c>
      <c r="R91" s="58" t="s">
        <v>15</v>
      </c>
      <c r="S91" s="136" t="s">
        <v>15</v>
      </c>
      <c r="T91" s="136" t="s">
        <v>15</v>
      </c>
      <c r="U91" s="59" t="s">
        <v>15</v>
      </c>
      <c r="V91" s="56">
        <v>365360</v>
      </c>
      <c r="W91" s="58" t="s">
        <v>15</v>
      </c>
      <c r="X91" s="59" t="s">
        <v>15</v>
      </c>
      <c r="Y91" s="56">
        <v>365360</v>
      </c>
      <c r="Z91" s="55">
        <v>135585</v>
      </c>
      <c r="AA91" s="136">
        <v>43</v>
      </c>
      <c r="AB91" s="136">
        <v>0</v>
      </c>
      <c r="AC91" s="53">
        <v>135628</v>
      </c>
      <c r="AD91" s="136">
        <v>9239</v>
      </c>
      <c r="AE91" s="136">
        <v>816</v>
      </c>
      <c r="AF91" s="136">
        <v>146</v>
      </c>
      <c r="AG91" s="59">
        <v>10201</v>
      </c>
      <c r="AH91" s="124">
        <v>511190</v>
      </c>
      <c r="AI91" s="58" t="s">
        <v>15</v>
      </c>
      <c r="AJ91" s="59" t="s">
        <v>15</v>
      </c>
      <c r="AK91" s="60">
        <v>511190</v>
      </c>
    </row>
    <row r="92" spans="1:37" ht="13.5" customHeight="1" x14ac:dyDescent="0.15">
      <c r="A92" s="51"/>
      <c r="B92" s="52"/>
      <c r="C92" s="52"/>
      <c r="D92" s="52" t="s">
        <v>34</v>
      </c>
      <c r="E92" s="52"/>
      <c r="F92" s="52"/>
      <c r="G92" s="41">
        <v>7216</v>
      </c>
      <c r="H92" s="53" t="s">
        <v>15</v>
      </c>
      <c r="I92" s="54">
        <v>7216</v>
      </c>
      <c r="J92" s="54" t="s">
        <v>15</v>
      </c>
      <c r="K92" s="57">
        <v>7216</v>
      </c>
      <c r="L92" s="55">
        <v>73774</v>
      </c>
      <c r="M92" s="136">
        <v>343735</v>
      </c>
      <c r="N92" s="136">
        <v>163</v>
      </c>
      <c r="O92" s="136">
        <v>1569</v>
      </c>
      <c r="P92" s="136">
        <v>0</v>
      </c>
      <c r="Q92" s="53">
        <v>52399</v>
      </c>
      <c r="R92" s="58" t="s">
        <v>15</v>
      </c>
      <c r="S92" s="136" t="s">
        <v>15</v>
      </c>
      <c r="T92" s="136" t="s">
        <v>15</v>
      </c>
      <c r="U92" s="59" t="s">
        <v>15</v>
      </c>
      <c r="V92" s="56">
        <v>478857</v>
      </c>
      <c r="W92" s="58" t="s">
        <v>15</v>
      </c>
      <c r="X92" s="59" t="s">
        <v>15</v>
      </c>
      <c r="Y92" s="56">
        <v>478857</v>
      </c>
      <c r="Z92" s="55">
        <v>0</v>
      </c>
      <c r="AA92" s="136">
        <v>0</v>
      </c>
      <c r="AB92" s="136">
        <v>0</v>
      </c>
      <c r="AC92" s="53">
        <v>0</v>
      </c>
      <c r="AD92" s="136">
        <v>0</v>
      </c>
      <c r="AE92" s="136">
        <v>0</v>
      </c>
      <c r="AF92" s="136">
        <v>0</v>
      </c>
      <c r="AG92" s="59">
        <v>0</v>
      </c>
      <c r="AH92" s="124">
        <v>478857</v>
      </c>
      <c r="AI92" s="58" t="s">
        <v>15</v>
      </c>
      <c r="AJ92" s="59" t="s">
        <v>15</v>
      </c>
      <c r="AK92" s="60">
        <v>478857</v>
      </c>
    </row>
    <row r="93" spans="1:37" ht="13.5" customHeight="1" x14ac:dyDescent="0.15">
      <c r="A93" s="51"/>
      <c r="B93" s="52" t="s">
        <v>78</v>
      </c>
      <c r="C93" s="52"/>
      <c r="D93" s="52"/>
      <c r="E93" s="52"/>
      <c r="F93" s="52"/>
      <c r="G93" s="41">
        <v>323281397</v>
      </c>
      <c r="H93" s="53">
        <v>14213</v>
      </c>
      <c r="I93" s="54">
        <v>323295610</v>
      </c>
      <c r="J93" s="54">
        <v>0</v>
      </c>
      <c r="K93" s="57">
        <v>323295610</v>
      </c>
      <c r="L93" s="55">
        <v>2407444</v>
      </c>
      <c r="M93" s="136">
        <v>14488967</v>
      </c>
      <c r="N93" s="136">
        <v>2190081</v>
      </c>
      <c r="O93" s="136">
        <v>15116817</v>
      </c>
      <c r="P93" s="136">
        <v>-60742</v>
      </c>
      <c r="Q93" s="53">
        <v>1266784</v>
      </c>
      <c r="R93" s="58">
        <v>3421345</v>
      </c>
      <c r="S93" s="136">
        <v>6554</v>
      </c>
      <c r="T93" s="136">
        <v>1086413</v>
      </c>
      <c r="U93" s="59">
        <v>11075</v>
      </c>
      <c r="V93" s="56">
        <v>363230348</v>
      </c>
      <c r="W93" s="58" t="s">
        <v>15</v>
      </c>
      <c r="X93" s="59">
        <v>-56455</v>
      </c>
      <c r="Y93" s="56">
        <v>363173893</v>
      </c>
      <c r="Z93" s="55">
        <v>4824820</v>
      </c>
      <c r="AA93" s="136">
        <v>933027</v>
      </c>
      <c r="AB93" s="136">
        <v>52123</v>
      </c>
      <c r="AC93" s="53">
        <v>5809969</v>
      </c>
      <c r="AD93" s="136">
        <v>405363</v>
      </c>
      <c r="AE93" s="136">
        <v>587303</v>
      </c>
      <c r="AF93" s="136">
        <v>657820</v>
      </c>
      <c r="AG93" s="59">
        <v>1650486</v>
      </c>
      <c r="AH93" s="124">
        <v>370634349</v>
      </c>
      <c r="AI93" s="58">
        <v>0</v>
      </c>
      <c r="AJ93" s="59">
        <v>-698950</v>
      </c>
      <c r="AK93" s="60">
        <v>369935399</v>
      </c>
    </row>
    <row r="94" spans="1:37" ht="13.5" customHeight="1" x14ac:dyDescent="0.15">
      <c r="A94" s="51"/>
      <c r="B94" s="52"/>
      <c r="C94" s="52" t="s">
        <v>79</v>
      </c>
      <c r="D94" s="52"/>
      <c r="E94" s="52"/>
      <c r="F94" s="52"/>
      <c r="G94" s="41">
        <v>389254458</v>
      </c>
      <c r="H94" s="53">
        <v>14391</v>
      </c>
      <c r="I94" s="54">
        <v>389268849</v>
      </c>
      <c r="J94" s="54" t="s">
        <v>196</v>
      </c>
      <c r="K94" s="57">
        <v>389268849</v>
      </c>
      <c r="L94" s="55">
        <v>8998908</v>
      </c>
      <c r="M94" s="136">
        <v>31642575</v>
      </c>
      <c r="N94" s="136">
        <v>1939031</v>
      </c>
      <c r="O94" s="136">
        <v>63190987</v>
      </c>
      <c r="P94" s="136">
        <v>601445</v>
      </c>
      <c r="Q94" s="53">
        <v>935357</v>
      </c>
      <c r="R94" s="58">
        <v>1685106</v>
      </c>
      <c r="S94" s="136">
        <v>1111</v>
      </c>
      <c r="T94" s="136">
        <v>966241</v>
      </c>
      <c r="U94" s="59">
        <v>11870</v>
      </c>
      <c r="V94" s="56">
        <v>499241479</v>
      </c>
      <c r="W94" s="58" t="s">
        <v>196</v>
      </c>
      <c r="X94" s="59">
        <v>-4806615</v>
      </c>
      <c r="Y94" s="56">
        <v>494434865</v>
      </c>
      <c r="Z94" s="55">
        <v>8680046</v>
      </c>
      <c r="AA94" s="136">
        <v>325955</v>
      </c>
      <c r="AB94" s="136">
        <v>72771</v>
      </c>
      <c r="AC94" s="53">
        <v>9078773</v>
      </c>
      <c r="AD94" s="136">
        <v>348848</v>
      </c>
      <c r="AE94" s="136">
        <v>572542</v>
      </c>
      <c r="AF94" s="136">
        <v>611825</v>
      </c>
      <c r="AG94" s="59">
        <v>1533215</v>
      </c>
      <c r="AH94" s="124">
        <v>505046852</v>
      </c>
      <c r="AI94" s="58">
        <v>-825894</v>
      </c>
      <c r="AJ94" s="59">
        <v>110000</v>
      </c>
      <c r="AK94" s="60">
        <v>504330958</v>
      </c>
    </row>
    <row r="95" spans="1:37" ht="13.5" customHeight="1" x14ac:dyDescent="0.15">
      <c r="A95" s="65"/>
      <c r="B95" s="66"/>
      <c r="C95" s="66" t="s">
        <v>80</v>
      </c>
      <c r="D95" s="66"/>
      <c r="E95" s="66"/>
      <c r="F95" s="66"/>
      <c r="G95" s="58">
        <v>-65973060</v>
      </c>
      <c r="H95" s="53">
        <v>-178</v>
      </c>
      <c r="I95" s="54">
        <v>-65973238</v>
      </c>
      <c r="J95" s="54">
        <v>0</v>
      </c>
      <c r="K95" s="57">
        <v>-65973238</v>
      </c>
      <c r="L95" s="55">
        <v>-6591464</v>
      </c>
      <c r="M95" s="136">
        <v>-17153609</v>
      </c>
      <c r="N95" s="136">
        <v>251049</v>
      </c>
      <c r="O95" s="136">
        <v>-48074170</v>
      </c>
      <c r="P95" s="136">
        <v>-662187</v>
      </c>
      <c r="Q95" s="53">
        <v>331427</v>
      </c>
      <c r="R95" s="58">
        <v>1736240</v>
      </c>
      <c r="S95" s="136">
        <v>5443</v>
      </c>
      <c r="T95" s="136">
        <v>120173</v>
      </c>
      <c r="U95" s="59">
        <v>-795</v>
      </c>
      <c r="V95" s="56">
        <v>-136011131</v>
      </c>
      <c r="W95" s="58" t="s">
        <v>198</v>
      </c>
      <c r="X95" s="59">
        <v>4750159</v>
      </c>
      <c r="Y95" s="56">
        <v>-131260972</v>
      </c>
      <c r="Z95" s="55">
        <v>-3920573</v>
      </c>
      <c r="AA95" s="136">
        <v>587959</v>
      </c>
      <c r="AB95" s="136">
        <v>-20699</v>
      </c>
      <c r="AC95" s="53">
        <v>-3353313</v>
      </c>
      <c r="AD95" s="136">
        <v>56515</v>
      </c>
      <c r="AE95" s="136">
        <v>-525088</v>
      </c>
      <c r="AF95" s="136">
        <v>-104902</v>
      </c>
      <c r="AG95" s="59">
        <v>-573475</v>
      </c>
      <c r="AH95" s="124">
        <v>-135187759</v>
      </c>
      <c r="AI95" s="58">
        <v>825894</v>
      </c>
      <c r="AJ95" s="59">
        <v>-808950</v>
      </c>
      <c r="AK95" s="60">
        <v>-135170815</v>
      </c>
    </row>
    <row r="96" spans="1:37" ht="13.5" customHeight="1" thickBot="1" x14ac:dyDescent="0.2">
      <c r="A96" s="81"/>
      <c r="B96" s="82"/>
      <c r="C96" s="82" t="s">
        <v>81</v>
      </c>
      <c r="D96" s="82"/>
      <c r="E96" s="82"/>
      <c r="F96" s="82"/>
      <c r="G96" s="161"/>
      <c r="H96" s="163"/>
      <c r="I96" s="167"/>
      <c r="J96" s="167"/>
      <c r="K96" s="169"/>
      <c r="L96" s="170">
        <v>0</v>
      </c>
      <c r="M96" s="162">
        <v>0</v>
      </c>
      <c r="N96" s="162">
        <v>0</v>
      </c>
      <c r="O96" s="162">
        <v>0</v>
      </c>
      <c r="P96" s="162">
        <v>0</v>
      </c>
      <c r="Q96" s="163">
        <v>0</v>
      </c>
      <c r="R96" s="161"/>
      <c r="S96" s="162"/>
      <c r="T96" s="162"/>
      <c r="U96" s="163"/>
      <c r="V96" s="167">
        <v>0</v>
      </c>
      <c r="W96" s="161"/>
      <c r="X96" s="163"/>
      <c r="Y96" s="169">
        <v>0</v>
      </c>
      <c r="Z96" s="86">
        <v>65346</v>
      </c>
      <c r="AA96" s="138">
        <v>19113</v>
      </c>
      <c r="AB96" s="138">
        <v>51</v>
      </c>
      <c r="AC96" s="84">
        <v>84510</v>
      </c>
      <c r="AD96" s="138">
        <v>0</v>
      </c>
      <c r="AE96" s="138">
        <v>539849</v>
      </c>
      <c r="AF96" s="138">
        <v>150897</v>
      </c>
      <c r="AG96" s="89">
        <v>690747</v>
      </c>
      <c r="AH96" s="126">
        <v>775256</v>
      </c>
      <c r="AI96" s="83" t="s">
        <v>196</v>
      </c>
      <c r="AJ96" s="89" t="s">
        <v>196</v>
      </c>
      <c r="AK96" s="90">
        <v>775256</v>
      </c>
    </row>
  </sheetData>
  <mergeCells count="30">
    <mergeCell ref="L4:Q4"/>
    <mergeCell ref="R4:U4"/>
    <mergeCell ref="Z3:AC3"/>
    <mergeCell ref="AD3:AG3"/>
    <mergeCell ref="AJ3:AJ5"/>
    <mergeCell ref="AK3:AK5"/>
    <mergeCell ref="Z4:Z5"/>
    <mergeCell ref="H3:H5"/>
    <mergeCell ref="AA4:AA5"/>
    <mergeCell ref="AB4:AB5"/>
    <mergeCell ref="AC4:AC5"/>
    <mergeCell ref="AD4:AD5"/>
    <mergeCell ref="V3:V5"/>
    <mergeCell ref="W3:W5"/>
    <mergeCell ref="X3:X5"/>
    <mergeCell ref="Y3:Y5"/>
    <mergeCell ref="AH3:AH5"/>
    <mergeCell ref="AI3:AI5"/>
    <mergeCell ref="AE4:AE5"/>
    <mergeCell ref="AF4:AF5"/>
    <mergeCell ref="AG4:AG5"/>
    <mergeCell ref="A2:E5"/>
    <mergeCell ref="G2:K2"/>
    <mergeCell ref="L2:Y2"/>
    <mergeCell ref="Z2:AK2"/>
    <mergeCell ref="G3:G5"/>
    <mergeCell ref="I3:I5"/>
    <mergeCell ref="J3:J5"/>
    <mergeCell ref="K3:K5"/>
    <mergeCell ref="L3:U3"/>
  </mergeCells>
  <phoneticPr fontId="2"/>
  <printOptions horizontalCentered="1"/>
  <pageMargins left="0.19685039370078741" right="0.19685039370078741" top="0.39370078740157477" bottom="0.39370078740157477" header="0.51181102362204722" footer="0.51181102362204722"/>
  <pageSetup paperSize="8" scale="30" orientation="landscape" r:id="rId1"/>
  <headerFooter alignWithMargins="0"/>
  <colBreaks count="2" manualBreakCount="2">
    <brk id="1" max="1048575" man="1"/>
    <brk id="2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pageSetUpPr fitToPage="1"/>
  </sheetPr>
  <dimension ref="A1:AK40"/>
  <sheetViews>
    <sheetView tabSelected="1" zoomScale="85" zoomScaleNormal="85" zoomScaleSheetLayoutView="55" workbookViewId="0">
      <selection activeCell="C17" sqref="C17"/>
    </sheetView>
  </sheetViews>
  <sheetFormatPr defaultRowHeight="13.5" x14ac:dyDescent="0.15"/>
  <cols>
    <col min="1" max="5" width="1.75" style="1" customWidth="1"/>
    <col min="6" max="6" width="19.375" style="1" customWidth="1"/>
    <col min="7" max="37" width="21.625" style="1" customWidth="1"/>
    <col min="38" max="16384" width="9" style="1"/>
  </cols>
  <sheetData>
    <row r="1" spans="1:37" ht="14.25" customHeight="1" thickBot="1" x14ac:dyDescent="0.2">
      <c r="A1" s="2" t="s">
        <v>82</v>
      </c>
      <c r="B1" s="2"/>
      <c r="C1" s="2"/>
      <c r="D1" s="2"/>
      <c r="E1" s="2"/>
      <c r="AH1" s="3"/>
      <c r="AI1" s="3"/>
      <c r="AJ1" s="3"/>
      <c r="AK1" s="3" t="s">
        <v>194</v>
      </c>
    </row>
    <row r="2" spans="1:37" x14ac:dyDescent="0.15">
      <c r="A2" s="91" t="s">
        <v>1</v>
      </c>
      <c r="B2" s="92"/>
      <c r="C2" s="92"/>
      <c r="D2" s="92"/>
      <c r="E2" s="92"/>
      <c r="F2" s="93"/>
      <c r="G2" s="94" t="s">
        <v>2</v>
      </c>
      <c r="H2" s="95"/>
      <c r="I2" s="95"/>
      <c r="J2" s="95"/>
      <c r="K2" s="96"/>
      <c r="L2" s="97" t="s">
        <v>3</v>
      </c>
      <c r="M2" s="95"/>
      <c r="N2" s="95"/>
      <c r="O2" s="95"/>
      <c r="P2" s="95"/>
      <c r="Q2" s="95"/>
      <c r="R2" s="95"/>
      <c r="S2" s="95"/>
      <c r="T2" s="95"/>
      <c r="U2" s="95"/>
      <c r="V2" s="95"/>
      <c r="W2" s="95"/>
      <c r="X2" s="95"/>
      <c r="Y2" s="96"/>
      <c r="Z2" s="145" t="s">
        <v>4</v>
      </c>
      <c r="AA2" s="146"/>
      <c r="AB2" s="146"/>
      <c r="AC2" s="146"/>
      <c r="AD2" s="146"/>
      <c r="AE2" s="146"/>
      <c r="AF2" s="146"/>
      <c r="AG2" s="146"/>
      <c r="AH2" s="95"/>
      <c r="AI2" s="95"/>
      <c r="AJ2" s="95"/>
      <c r="AK2" s="98"/>
    </row>
    <row r="3" spans="1:37" s="12" customFormat="1" x14ac:dyDescent="0.15">
      <c r="A3" s="99"/>
      <c r="B3" s="100"/>
      <c r="C3" s="100"/>
      <c r="D3" s="100"/>
      <c r="E3" s="100"/>
      <c r="F3" s="101"/>
      <c r="G3" s="16" t="s">
        <v>172</v>
      </c>
      <c r="H3" s="17" t="s">
        <v>173</v>
      </c>
      <c r="I3" s="18" t="s">
        <v>5</v>
      </c>
      <c r="J3" s="18" t="s">
        <v>6</v>
      </c>
      <c r="K3" s="19" t="s">
        <v>7</v>
      </c>
      <c r="L3" s="129" t="s">
        <v>8</v>
      </c>
      <c r="M3" s="130"/>
      <c r="N3" s="130"/>
      <c r="O3" s="130"/>
      <c r="P3" s="130"/>
      <c r="Q3" s="130"/>
      <c r="R3" s="130"/>
      <c r="S3" s="130"/>
      <c r="T3" s="130"/>
      <c r="U3" s="130"/>
      <c r="V3" s="18" t="s">
        <v>5</v>
      </c>
      <c r="W3" s="16" t="s">
        <v>9</v>
      </c>
      <c r="X3" s="20" t="s">
        <v>6</v>
      </c>
      <c r="Y3" s="142" t="s">
        <v>7</v>
      </c>
      <c r="Z3" s="131" t="s">
        <v>185</v>
      </c>
      <c r="AA3" s="132"/>
      <c r="AB3" s="132"/>
      <c r="AC3" s="139"/>
      <c r="AD3" s="132"/>
      <c r="AE3" s="132"/>
      <c r="AF3" s="132"/>
      <c r="AG3" s="133"/>
      <c r="AH3" s="20" t="s">
        <v>5</v>
      </c>
      <c r="AI3" s="16" t="s">
        <v>9</v>
      </c>
      <c r="AJ3" s="20" t="s">
        <v>6</v>
      </c>
      <c r="AK3" s="21" t="s">
        <v>7</v>
      </c>
    </row>
    <row r="4" spans="1:37" s="12" customFormat="1" ht="13.5" customHeight="1" x14ac:dyDescent="0.15">
      <c r="A4" s="99"/>
      <c r="B4" s="100"/>
      <c r="C4" s="100"/>
      <c r="D4" s="100"/>
      <c r="E4" s="100"/>
      <c r="F4" s="101"/>
      <c r="G4" s="22"/>
      <c r="H4" s="23"/>
      <c r="I4" s="24"/>
      <c r="J4" s="24"/>
      <c r="K4" s="127"/>
      <c r="L4" s="131" t="s">
        <v>174</v>
      </c>
      <c r="M4" s="132"/>
      <c r="N4" s="132"/>
      <c r="O4" s="132"/>
      <c r="P4" s="132"/>
      <c r="Q4" s="139"/>
      <c r="R4" s="140" t="s">
        <v>34</v>
      </c>
      <c r="S4" s="132"/>
      <c r="T4" s="132"/>
      <c r="U4" s="133"/>
      <c r="V4" s="25"/>
      <c r="W4" s="22"/>
      <c r="X4" s="25"/>
      <c r="Y4" s="143"/>
      <c r="Z4" s="26" t="s">
        <v>186</v>
      </c>
      <c r="AA4" s="147" t="s">
        <v>187</v>
      </c>
      <c r="AB4" s="147" t="s">
        <v>188</v>
      </c>
      <c r="AC4" s="17" t="s">
        <v>192</v>
      </c>
      <c r="AD4" s="147" t="s">
        <v>189</v>
      </c>
      <c r="AE4" s="147" t="s">
        <v>190</v>
      </c>
      <c r="AF4" s="147" t="s">
        <v>191</v>
      </c>
      <c r="AG4" s="27" t="s">
        <v>192</v>
      </c>
      <c r="AH4" s="25"/>
      <c r="AI4" s="22"/>
      <c r="AJ4" s="25"/>
      <c r="AK4" s="28"/>
    </row>
    <row r="5" spans="1:37" s="12" customFormat="1" ht="27" x14ac:dyDescent="0.15">
      <c r="A5" s="102"/>
      <c r="B5" s="103"/>
      <c r="C5" s="103"/>
      <c r="D5" s="103"/>
      <c r="E5" s="103"/>
      <c r="F5" s="104"/>
      <c r="G5" s="32"/>
      <c r="H5" s="33"/>
      <c r="I5" s="34"/>
      <c r="J5" s="34"/>
      <c r="K5" s="128"/>
      <c r="L5" s="35" t="s">
        <v>175</v>
      </c>
      <c r="M5" s="134" t="s">
        <v>176</v>
      </c>
      <c r="N5" s="134" t="s">
        <v>177</v>
      </c>
      <c r="O5" s="134" t="s">
        <v>178</v>
      </c>
      <c r="P5" s="134" t="s">
        <v>179</v>
      </c>
      <c r="Q5" s="122" t="s">
        <v>180</v>
      </c>
      <c r="R5" s="141" t="s">
        <v>181</v>
      </c>
      <c r="S5" s="134" t="s">
        <v>182</v>
      </c>
      <c r="T5" s="134" t="s">
        <v>183</v>
      </c>
      <c r="U5" s="121" t="s">
        <v>184</v>
      </c>
      <c r="V5" s="36"/>
      <c r="W5" s="32"/>
      <c r="X5" s="36"/>
      <c r="Y5" s="144"/>
      <c r="Z5" s="37"/>
      <c r="AA5" s="148"/>
      <c r="AB5" s="148"/>
      <c r="AC5" s="33"/>
      <c r="AD5" s="148"/>
      <c r="AE5" s="148"/>
      <c r="AF5" s="148"/>
      <c r="AG5" s="38"/>
      <c r="AH5" s="36"/>
      <c r="AI5" s="32"/>
      <c r="AJ5" s="36"/>
      <c r="AK5" s="39"/>
    </row>
    <row r="6" spans="1:37" ht="13.5" customHeight="1" x14ac:dyDescent="0.15">
      <c r="A6" s="40" t="s">
        <v>83</v>
      </c>
      <c r="B6" s="2"/>
      <c r="C6" s="2"/>
      <c r="D6" s="2"/>
      <c r="E6" s="2"/>
      <c r="F6" s="2"/>
      <c r="G6" s="41">
        <v>-58153680</v>
      </c>
      <c r="H6" s="42">
        <v>-10416</v>
      </c>
      <c r="I6" s="43">
        <v>-58164096</v>
      </c>
      <c r="J6" s="43">
        <v>10681</v>
      </c>
      <c r="K6" s="79">
        <v>-58153415</v>
      </c>
      <c r="L6" s="44">
        <v>-1255935</v>
      </c>
      <c r="M6" s="135">
        <v>47626</v>
      </c>
      <c r="N6" s="135">
        <v>44717</v>
      </c>
      <c r="O6" s="135">
        <v>-1824678</v>
      </c>
      <c r="P6" s="135">
        <v>-192488</v>
      </c>
      <c r="Q6" s="42">
        <v>98511</v>
      </c>
      <c r="R6" s="41">
        <v>-23291069</v>
      </c>
      <c r="S6" s="135">
        <v>-2638410</v>
      </c>
      <c r="T6" s="135">
        <v>-12807636</v>
      </c>
      <c r="U6" s="80">
        <v>-12219</v>
      </c>
      <c r="V6" s="117">
        <v>-99984996</v>
      </c>
      <c r="W6" s="47" t="s">
        <v>15</v>
      </c>
      <c r="X6" s="48">
        <v>9079075</v>
      </c>
      <c r="Y6" s="117">
        <v>-90905921</v>
      </c>
      <c r="Z6" s="44">
        <v>-832670</v>
      </c>
      <c r="AA6" s="135">
        <v>-24188970</v>
      </c>
      <c r="AB6" s="135">
        <v>-14844</v>
      </c>
      <c r="AC6" s="42">
        <v>-25036484</v>
      </c>
      <c r="AD6" s="135">
        <v>-79347</v>
      </c>
      <c r="AE6" s="135">
        <v>-60290</v>
      </c>
      <c r="AF6" s="135">
        <v>9290</v>
      </c>
      <c r="AG6" s="80">
        <v>-130347</v>
      </c>
      <c r="AH6" s="149">
        <v>-116072753</v>
      </c>
      <c r="AI6" s="47" t="s">
        <v>15</v>
      </c>
      <c r="AJ6" s="48">
        <v>5176770</v>
      </c>
      <c r="AK6" s="50">
        <v>-110895983</v>
      </c>
    </row>
    <row r="7" spans="1:37" ht="13.5" customHeight="1" x14ac:dyDescent="0.15">
      <c r="A7" s="51"/>
      <c r="B7" s="52" t="s">
        <v>84</v>
      </c>
      <c r="C7" s="52"/>
      <c r="D7" s="52"/>
      <c r="E7" s="52"/>
      <c r="F7" s="52"/>
      <c r="G7" s="41">
        <v>63366120</v>
      </c>
      <c r="H7" s="53">
        <v>30496</v>
      </c>
      <c r="I7" s="54">
        <v>63396616</v>
      </c>
      <c r="J7" s="54">
        <v>-10681</v>
      </c>
      <c r="K7" s="57">
        <v>63385935</v>
      </c>
      <c r="L7" s="55">
        <v>12011215</v>
      </c>
      <c r="M7" s="136">
        <v>3297398</v>
      </c>
      <c r="N7" s="136">
        <v>281308</v>
      </c>
      <c r="O7" s="136">
        <v>4316566</v>
      </c>
      <c r="P7" s="136">
        <v>2278392</v>
      </c>
      <c r="Q7" s="53">
        <v>10930871</v>
      </c>
      <c r="R7" s="58">
        <v>23343861</v>
      </c>
      <c r="S7" s="136">
        <v>2642947</v>
      </c>
      <c r="T7" s="136">
        <v>12835669</v>
      </c>
      <c r="U7" s="59">
        <v>13113</v>
      </c>
      <c r="V7" s="56">
        <v>135337276</v>
      </c>
      <c r="W7" s="58" t="s">
        <v>15</v>
      </c>
      <c r="X7" s="59">
        <v>-10128941</v>
      </c>
      <c r="Y7" s="56">
        <v>125208336</v>
      </c>
      <c r="Z7" s="55">
        <v>1374891</v>
      </c>
      <c r="AA7" s="136">
        <v>24221573</v>
      </c>
      <c r="AB7" s="136">
        <v>21752</v>
      </c>
      <c r="AC7" s="53">
        <v>25618216</v>
      </c>
      <c r="AD7" s="136">
        <v>1302406</v>
      </c>
      <c r="AE7" s="136">
        <v>69662</v>
      </c>
      <c r="AF7" s="136">
        <v>61431</v>
      </c>
      <c r="AG7" s="59">
        <v>1433499</v>
      </c>
      <c r="AH7" s="124">
        <v>152260050</v>
      </c>
      <c r="AI7" s="58" t="s">
        <v>15</v>
      </c>
      <c r="AJ7" s="59">
        <v>-6004047</v>
      </c>
      <c r="AK7" s="60">
        <v>146256003</v>
      </c>
    </row>
    <row r="8" spans="1:37" ht="13.5" customHeight="1" x14ac:dyDescent="0.15">
      <c r="A8" s="51"/>
      <c r="B8" s="52"/>
      <c r="C8" s="52" t="s">
        <v>85</v>
      </c>
      <c r="D8" s="52"/>
      <c r="E8" s="52"/>
      <c r="F8" s="52"/>
      <c r="G8" s="41">
        <v>31633462</v>
      </c>
      <c r="H8" s="53">
        <v>23037</v>
      </c>
      <c r="I8" s="54">
        <v>31656499</v>
      </c>
      <c r="J8" s="54" t="s">
        <v>15</v>
      </c>
      <c r="K8" s="57">
        <v>31656499</v>
      </c>
      <c r="L8" s="55">
        <v>12004641</v>
      </c>
      <c r="M8" s="136">
        <v>3134874</v>
      </c>
      <c r="N8" s="136">
        <v>180387</v>
      </c>
      <c r="O8" s="136">
        <v>3484562</v>
      </c>
      <c r="P8" s="136">
        <v>2265874</v>
      </c>
      <c r="Q8" s="53">
        <v>10276442</v>
      </c>
      <c r="R8" s="58">
        <v>1082536</v>
      </c>
      <c r="S8" s="136">
        <v>88569</v>
      </c>
      <c r="T8" s="136">
        <v>921304</v>
      </c>
      <c r="U8" s="59">
        <v>12499</v>
      </c>
      <c r="V8" s="56">
        <v>65108187</v>
      </c>
      <c r="W8" s="58" t="s">
        <v>15</v>
      </c>
      <c r="X8" s="59">
        <v>-223573</v>
      </c>
      <c r="Y8" s="56">
        <v>64884614</v>
      </c>
      <c r="Z8" s="55">
        <v>1365237</v>
      </c>
      <c r="AA8" s="136">
        <v>592566</v>
      </c>
      <c r="AB8" s="136">
        <v>20914</v>
      </c>
      <c r="AC8" s="53">
        <v>1978717</v>
      </c>
      <c r="AD8" s="136">
        <v>1238624</v>
      </c>
      <c r="AE8" s="136">
        <v>69615</v>
      </c>
      <c r="AF8" s="136">
        <v>53255</v>
      </c>
      <c r="AG8" s="59">
        <v>1361494</v>
      </c>
      <c r="AH8" s="124">
        <v>68224825</v>
      </c>
      <c r="AI8" s="58" t="s">
        <v>15</v>
      </c>
      <c r="AJ8" s="59">
        <v>-824658</v>
      </c>
      <c r="AK8" s="60">
        <v>67400167</v>
      </c>
    </row>
    <row r="9" spans="1:37" ht="13.5" customHeight="1" x14ac:dyDescent="0.15">
      <c r="A9" s="51"/>
      <c r="B9" s="52"/>
      <c r="C9" s="52"/>
      <c r="D9" s="52" t="s">
        <v>86</v>
      </c>
      <c r="E9" s="52"/>
      <c r="F9" s="52"/>
      <c r="G9" s="41">
        <v>12386086</v>
      </c>
      <c r="H9" s="53">
        <v>10784</v>
      </c>
      <c r="I9" s="54">
        <v>12396870</v>
      </c>
      <c r="J9" s="54" t="s">
        <v>15</v>
      </c>
      <c r="K9" s="57">
        <v>12396870</v>
      </c>
      <c r="L9" s="55">
        <v>5280298</v>
      </c>
      <c r="M9" s="136">
        <v>319206</v>
      </c>
      <c r="N9" s="136">
        <v>20223</v>
      </c>
      <c r="O9" s="136">
        <v>156257</v>
      </c>
      <c r="P9" s="136">
        <v>1607240</v>
      </c>
      <c r="Q9" s="53">
        <v>93545</v>
      </c>
      <c r="R9" s="58">
        <v>159162</v>
      </c>
      <c r="S9" s="136">
        <v>54137</v>
      </c>
      <c r="T9" s="136">
        <v>199208</v>
      </c>
      <c r="U9" s="59">
        <v>10926</v>
      </c>
      <c r="V9" s="56">
        <v>20297071</v>
      </c>
      <c r="W9" s="58" t="s">
        <v>15</v>
      </c>
      <c r="X9" s="59" t="s">
        <v>15</v>
      </c>
      <c r="Y9" s="56">
        <v>20297071</v>
      </c>
      <c r="Z9" s="55">
        <v>252093</v>
      </c>
      <c r="AA9" s="136">
        <v>207</v>
      </c>
      <c r="AB9" s="136">
        <v>5385</v>
      </c>
      <c r="AC9" s="53">
        <v>257685</v>
      </c>
      <c r="AD9" s="136">
        <v>512051</v>
      </c>
      <c r="AE9" s="136">
        <v>30641</v>
      </c>
      <c r="AF9" s="136">
        <v>21943</v>
      </c>
      <c r="AG9" s="59">
        <v>564635</v>
      </c>
      <c r="AH9" s="124">
        <v>21119391</v>
      </c>
      <c r="AI9" s="58" t="s">
        <v>15</v>
      </c>
      <c r="AJ9" s="59" t="s">
        <v>15</v>
      </c>
      <c r="AK9" s="60">
        <v>21119391</v>
      </c>
    </row>
    <row r="10" spans="1:37" ht="13.5" customHeight="1" x14ac:dyDescent="0.15">
      <c r="A10" s="51"/>
      <c r="B10" s="52"/>
      <c r="C10" s="52"/>
      <c r="D10" s="52"/>
      <c r="E10" s="52" t="s">
        <v>87</v>
      </c>
      <c r="F10" s="52"/>
      <c r="G10" s="41">
        <v>9258671</v>
      </c>
      <c r="H10" s="53">
        <v>9805</v>
      </c>
      <c r="I10" s="54">
        <v>9268476</v>
      </c>
      <c r="J10" s="54" t="s">
        <v>15</v>
      </c>
      <c r="K10" s="57">
        <v>9268476</v>
      </c>
      <c r="L10" s="55">
        <v>4666119</v>
      </c>
      <c r="M10" s="136">
        <v>279336</v>
      </c>
      <c r="N10" s="136">
        <v>17667</v>
      </c>
      <c r="O10" s="136">
        <v>138716</v>
      </c>
      <c r="P10" s="136">
        <v>1438552</v>
      </c>
      <c r="Q10" s="53">
        <v>83054</v>
      </c>
      <c r="R10" s="58">
        <v>138150</v>
      </c>
      <c r="S10" s="136">
        <v>49777</v>
      </c>
      <c r="T10" s="136">
        <v>127167</v>
      </c>
      <c r="U10" s="59">
        <v>9817</v>
      </c>
      <c r="V10" s="56">
        <v>16216832</v>
      </c>
      <c r="W10" s="58" t="s">
        <v>15</v>
      </c>
      <c r="X10" s="59" t="s">
        <v>15</v>
      </c>
      <c r="Y10" s="56">
        <v>16216832</v>
      </c>
      <c r="Z10" s="55">
        <v>248074</v>
      </c>
      <c r="AA10" s="136">
        <v>69</v>
      </c>
      <c r="AB10" s="136">
        <v>5045</v>
      </c>
      <c r="AC10" s="53">
        <v>253189</v>
      </c>
      <c r="AD10" s="136">
        <v>496126</v>
      </c>
      <c r="AE10" s="136">
        <v>22080</v>
      </c>
      <c r="AF10" s="136">
        <v>21943</v>
      </c>
      <c r="AG10" s="59">
        <v>540149</v>
      </c>
      <c r="AH10" s="124">
        <v>17010169</v>
      </c>
      <c r="AI10" s="58" t="s">
        <v>15</v>
      </c>
      <c r="AJ10" s="59" t="s">
        <v>15</v>
      </c>
      <c r="AK10" s="60">
        <v>17010169</v>
      </c>
    </row>
    <row r="11" spans="1:37" ht="13.5" customHeight="1" x14ac:dyDescent="0.15">
      <c r="A11" s="40"/>
      <c r="B11" s="2"/>
      <c r="C11" s="2"/>
      <c r="D11" s="2"/>
      <c r="E11" s="2" t="s">
        <v>88</v>
      </c>
      <c r="F11" s="2"/>
      <c r="G11" s="41">
        <v>832279</v>
      </c>
      <c r="H11" s="53">
        <v>902</v>
      </c>
      <c r="I11" s="54">
        <v>833180</v>
      </c>
      <c r="J11" s="54" t="s">
        <v>15</v>
      </c>
      <c r="K11" s="57">
        <v>833180</v>
      </c>
      <c r="L11" s="55">
        <v>345327</v>
      </c>
      <c r="M11" s="136">
        <v>24586</v>
      </c>
      <c r="N11" s="136">
        <v>1562</v>
      </c>
      <c r="O11" s="136">
        <v>10726</v>
      </c>
      <c r="P11" s="136">
        <v>109513</v>
      </c>
      <c r="Q11" s="53">
        <v>6950</v>
      </c>
      <c r="R11" s="58">
        <v>12528</v>
      </c>
      <c r="S11" s="136">
        <v>4360</v>
      </c>
      <c r="T11" s="136">
        <v>12032</v>
      </c>
      <c r="U11" s="59">
        <v>871</v>
      </c>
      <c r="V11" s="56">
        <v>1361636</v>
      </c>
      <c r="W11" s="58" t="s">
        <v>15</v>
      </c>
      <c r="X11" s="59" t="s">
        <v>15</v>
      </c>
      <c r="Y11" s="56">
        <v>1361636</v>
      </c>
      <c r="Z11" s="55">
        <v>0</v>
      </c>
      <c r="AA11" s="136">
        <v>0</v>
      </c>
      <c r="AB11" s="136">
        <v>340</v>
      </c>
      <c r="AC11" s="53">
        <v>340</v>
      </c>
      <c r="AD11" s="136">
        <v>0</v>
      </c>
      <c r="AE11" s="136">
        <v>0</v>
      </c>
      <c r="AF11" s="136">
        <v>0</v>
      </c>
      <c r="AG11" s="59">
        <v>0</v>
      </c>
      <c r="AH11" s="124">
        <v>1361975</v>
      </c>
      <c r="AI11" s="58" t="s">
        <v>15</v>
      </c>
      <c r="AJ11" s="59" t="s">
        <v>15</v>
      </c>
      <c r="AK11" s="60">
        <v>1361975</v>
      </c>
    </row>
    <row r="12" spans="1:37" ht="13.5" customHeight="1" x14ac:dyDescent="0.15">
      <c r="A12" s="51"/>
      <c r="B12" s="52"/>
      <c r="C12" s="52"/>
      <c r="D12" s="52"/>
      <c r="E12" s="64" t="s">
        <v>89</v>
      </c>
      <c r="F12" s="52"/>
      <c r="G12" s="41">
        <v>674170</v>
      </c>
      <c r="H12" s="53" t="s">
        <v>15</v>
      </c>
      <c r="I12" s="54">
        <v>674170</v>
      </c>
      <c r="J12" s="54" t="s">
        <v>15</v>
      </c>
      <c r="K12" s="57">
        <v>674170</v>
      </c>
      <c r="L12" s="55">
        <v>268851</v>
      </c>
      <c r="M12" s="136">
        <v>15284</v>
      </c>
      <c r="N12" s="136">
        <v>994</v>
      </c>
      <c r="O12" s="136">
        <v>6815</v>
      </c>
      <c r="P12" s="136">
        <v>59175</v>
      </c>
      <c r="Q12" s="53">
        <v>3540</v>
      </c>
      <c r="R12" s="58" t="s">
        <v>15</v>
      </c>
      <c r="S12" s="136" t="s">
        <v>15</v>
      </c>
      <c r="T12" s="136" t="s">
        <v>15</v>
      </c>
      <c r="U12" s="59" t="s">
        <v>15</v>
      </c>
      <c r="V12" s="56">
        <v>1028829</v>
      </c>
      <c r="W12" s="58" t="s">
        <v>15</v>
      </c>
      <c r="X12" s="59" t="s">
        <v>15</v>
      </c>
      <c r="Y12" s="56">
        <v>1028829</v>
      </c>
      <c r="Z12" s="55">
        <v>0</v>
      </c>
      <c r="AA12" s="136">
        <v>0</v>
      </c>
      <c r="AB12" s="136">
        <v>0</v>
      </c>
      <c r="AC12" s="53">
        <v>0</v>
      </c>
      <c r="AD12" s="136">
        <v>15925</v>
      </c>
      <c r="AE12" s="136">
        <v>1923</v>
      </c>
      <c r="AF12" s="136">
        <v>0</v>
      </c>
      <c r="AG12" s="59">
        <v>17847</v>
      </c>
      <c r="AH12" s="124">
        <v>1046676</v>
      </c>
      <c r="AI12" s="58" t="s">
        <v>15</v>
      </c>
      <c r="AJ12" s="59" t="s">
        <v>15</v>
      </c>
      <c r="AK12" s="60">
        <v>1046676</v>
      </c>
    </row>
    <row r="13" spans="1:37" ht="13.5" customHeight="1" x14ac:dyDescent="0.15">
      <c r="A13" s="40"/>
      <c r="B13" s="2"/>
      <c r="C13" s="2"/>
      <c r="D13" s="2"/>
      <c r="E13" s="2" t="s">
        <v>34</v>
      </c>
      <c r="F13" s="2"/>
      <c r="G13" s="41">
        <v>1620967</v>
      </c>
      <c r="H13" s="53">
        <v>77</v>
      </c>
      <c r="I13" s="54">
        <v>1621044</v>
      </c>
      <c r="J13" s="54" t="s">
        <v>15</v>
      </c>
      <c r="K13" s="57">
        <v>1621044</v>
      </c>
      <c r="L13" s="55">
        <v>0</v>
      </c>
      <c r="M13" s="136">
        <v>0</v>
      </c>
      <c r="N13" s="136">
        <v>0</v>
      </c>
      <c r="O13" s="136">
        <v>0</v>
      </c>
      <c r="P13" s="136">
        <v>0</v>
      </c>
      <c r="Q13" s="53">
        <v>0</v>
      </c>
      <c r="R13" s="58">
        <v>8484</v>
      </c>
      <c r="S13" s="136" t="s">
        <v>15</v>
      </c>
      <c r="T13" s="136">
        <v>60008</v>
      </c>
      <c r="U13" s="59">
        <v>238</v>
      </c>
      <c r="V13" s="56">
        <v>1689775</v>
      </c>
      <c r="W13" s="58" t="s">
        <v>15</v>
      </c>
      <c r="X13" s="59" t="s">
        <v>15</v>
      </c>
      <c r="Y13" s="56">
        <v>1689775</v>
      </c>
      <c r="Z13" s="55">
        <v>4018</v>
      </c>
      <c r="AA13" s="136">
        <v>139</v>
      </c>
      <c r="AB13" s="136">
        <v>0</v>
      </c>
      <c r="AC13" s="53">
        <v>4157</v>
      </c>
      <c r="AD13" s="136">
        <v>0</v>
      </c>
      <c r="AE13" s="136">
        <v>6638</v>
      </c>
      <c r="AF13" s="136">
        <v>0</v>
      </c>
      <c r="AG13" s="59">
        <v>6638</v>
      </c>
      <c r="AH13" s="124">
        <v>1700570</v>
      </c>
      <c r="AI13" s="58" t="s">
        <v>15</v>
      </c>
      <c r="AJ13" s="59" t="s">
        <v>15</v>
      </c>
      <c r="AK13" s="60">
        <v>1700570</v>
      </c>
    </row>
    <row r="14" spans="1:37" ht="13.5" customHeight="1" x14ac:dyDescent="0.15">
      <c r="A14" s="51"/>
      <c r="B14" s="52"/>
      <c r="C14" s="52"/>
      <c r="D14" s="52" t="s">
        <v>90</v>
      </c>
      <c r="E14" s="52"/>
      <c r="F14" s="52"/>
      <c r="G14" s="41">
        <v>18144455</v>
      </c>
      <c r="H14" s="53">
        <v>12253</v>
      </c>
      <c r="I14" s="54">
        <v>18156709</v>
      </c>
      <c r="J14" s="54" t="s">
        <v>15</v>
      </c>
      <c r="K14" s="57">
        <v>18156709</v>
      </c>
      <c r="L14" s="55">
        <v>6344916</v>
      </c>
      <c r="M14" s="136">
        <v>2569672</v>
      </c>
      <c r="N14" s="136">
        <v>150923</v>
      </c>
      <c r="O14" s="136">
        <v>2623157</v>
      </c>
      <c r="P14" s="136">
        <v>636579</v>
      </c>
      <c r="Q14" s="53">
        <v>9932834</v>
      </c>
      <c r="R14" s="58">
        <v>252930</v>
      </c>
      <c r="S14" s="136">
        <v>29205</v>
      </c>
      <c r="T14" s="136">
        <v>477852</v>
      </c>
      <c r="U14" s="59">
        <v>1321</v>
      </c>
      <c r="V14" s="56">
        <v>41176095</v>
      </c>
      <c r="W14" s="58" t="s">
        <v>15</v>
      </c>
      <c r="X14" s="59">
        <v>-223573</v>
      </c>
      <c r="Y14" s="56">
        <v>40952522</v>
      </c>
      <c r="Z14" s="55">
        <v>1086859</v>
      </c>
      <c r="AA14" s="136">
        <v>74013</v>
      </c>
      <c r="AB14" s="136">
        <v>15412</v>
      </c>
      <c r="AC14" s="53">
        <v>1176285</v>
      </c>
      <c r="AD14" s="136">
        <v>724667</v>
      </c>
      <c r="AE14" s="136">
        <v>38643</v>
      </c>
      <c r="AF14" s="136">
        <v>31085</v>
      </c>
      <c r="AG14" s="59">
        <v>794395</v>
      </c>
      <c r="AH14" s="124">
        <v>42923202</v>
      </c>
      <c r="AI14" s="58" t="s">
        <v>15</v>
      </c>
      <c r="AJ14" s="59">
        <v>-823110</v>
      </c>
      <c r="AK14" s="60">
        <v>42100092</v>
      </c>
    </row>
    <row r="15" spans="1:37" ht="13.5" customHeight="1" x14ac:dyDescent="0.15">
      <c r="A15" s="40"/>
      <c r="B15" s="2"/>
      <c r="C15" s="2"/>
      <c r="D15" s="2"/>
      <c r="E15" s="2" t="s">
        <v>91</v>
      </c>
      <c r="F15" s="2"/>
      <c r="G15" s="41">
        <v>13171547</v>
      </c>
      <c r="H15" s="53">
        <v>12253</v>
      </c>
      <c r="I15" s="54">
        <v>13183800</v>
      </c>
      <c r="J15" s="54" t="s">
        <v>15</v>
      </c>
      <c r="K15" s="57">
        <v>13183800</v>
      </c>
      <c r="L15" s="55">
        <v>5268087</v>
      </c>
      <c r="M15" s="136">
        <v>782494</v>
      </c>
      <c r="N15" s="136">
        <v>12822</v>
      </c>
      <c r="O15" s="136">
        <v>264197</v>
      </c>
      <c r="P15" s="136">
        <v>383489</v>
      </c>
      <c r="Q15" s="53">
        <v>9879662</v>
      </c>
      <c r="R15" s="58">
        <v>252930</v>
      </c>
      <c r="S15" s="136">
        <v>29205</v>
      </c>
      <c r="T15" s="136">
        <v>477852</v>
      </c>
      <c r="U15" s="59">
        <v>1321</v>
      </c>
      <c r="V15" s="56">
        <v>30535859</v>
      </c>
      <c r="W15" s="58" t="s">
        <v>15</v>
      </c>
      <c r="X15" s="59">
        <v>-223573</v>
      </c>
      <c r="Y15" s="56">
        <v>30312286</v>
      </c>
      <c r="Z15" s="55">
        <v>360576</v>
      </c>
      <c r="AA15" s="136">
        <v>74013</v>
      </c>
      <c r="AB15" s="136">
        <v>9301</v>
      </c>
      <c r="AC15" s="53">
        <v>443889</v>
      </c>
      <c r="AD15" s="136">
        <v>694487</v>
      </c>
      <c r="AE15" s="136">
        <v>29606</v>
      </c>
      <c r="AF15" s="136">
        <v>24627</v>
      </c>
      <c r="AG15" s="59">
        <v>748719</v>
      </c>
      <c r="AH15" s="124">
        <v>31504895</v>
      </c>
      <c r="AI15" s="58" t="s">
        <v>15</v>
      </c>
      <c r="AJ15" s="59">
        <v>-823110</v>
      </c>
      <c r="AK15" s="60">
        <v>30681785</v>
      </c>
    </row>
    <row r="16" spans="1:37" ht="13.5" customHeight="1" x14ac:dyDescent="0.15">
      <c r="A16" s="51"/>
      <c r="B16" s="52"/>
      <c r="C16" s="52"/>
      <c r="D16" s="52"/>
      <c r="E16" s="52" t="s">
        <v>92</v>
      </c>
      <c r="F16" s="52"/>
      <c r="G16" s="41">
        <v>358297</v>
      </c>
      <c r="H16" s="53" t="s">
        <v>15</v>
      </c>
      <c r="I16" s="54">
        <v>358297</v>
      </c>
      <c r="J16" s="54" t="s">
        <v>15</v>
      </c>
      <c r="K16" s="57">
        <v>358297</v>
      </c>
      <c r="L16" s="55">
        <v>64130</v>
      </c>
      <c r="M16" s="136">
        <v>60683</v>
      </c>
      <c r="N16" s="136">
        <v>1342</v>
      </c>
      <c r="O16" s="136">
        <v>42594</v>
      </c>
      <c r="P16" s="136">
        <v>81007</v>
      </c>
      <c r="Q16" s="53">
        <v>0</v>
      </c>
      <c r="R16" s="58" t="s">
        <v>15</v>
      </c>
      <c r="S16" s="136" t="s">
        <v>15</v>
      </c>
      <c r="T16" s="136" t="s">
        <v>15</v>
      </c>
      <c r="U16" s="59" t="s">
        <v>15</v>
      </c>
      <c r="V16" s="56">
        <v>608054</v>
      </c>
      <c r="W16" s="58" t="s">
        <v>15</v>
      </c>
      <c r="X16" s="59" t="s">
        <v>15</v>
      </c>
      <c r="Y16" s="56">
        <v>608054</v>
      </c>
      <c r="Z16" s="55">
        <v>299414</v>
      </c>
      <c r="AA16" s="136">
        <v>0</v>
      </c>
      <c r="AB16" s="136">
        <v>92</v>
      </c>
      <c r="AC16" s="53">
        <v>299507</v>
      </c>
      <c r="AD16" s="136">
        <v>29957</v>
      </c>
      <c r="AE16" s="136">
        <v>912</v>
      </c>
      <c r="AF16" s="136">
        <v>428</v>
      </c>
      <c r="AG16" s="59">
        <v>31297</v>
      </c>
      <c r="AH16" s="124">
        <v>938857</v>
      </c>
      <c r="AI16" s="58" t="s">
        <v>15</v>
      </c>
      <c r="AJ16" s="59" t="s">
        <v>15</v>
      </c>
      <c r="AK16" s="60">
        <v>938857</v>
      </c>
    </row>
    <row r="17" spans="1:37" ht="13.5" customHeight="1" x14ac:dyDescent="0.15">
      <c r="A17" s="40"/>
      <c r="B17" s="2"/>
      <c r="C17" s="2"/>
      <c r="D17" s="2"/>
      <c r="E17" s="2" t="s">
        <v>93</v>
      </c>
      <c r="F17" s="2"/>
      <c r="G17" s="41">
        <v>4614612</v>
      </c>
      <c r="H17" s="53" t="s">
        <v>15</v>
      </c>
      <c r="I17" s="54">
        <v>4614612</v>
      </c>
      <c r="J17" s="54" t="s">
        <v>15</v>
      </c>
      <c r="K17" s="57">
        <v>4614612</v>
      </c>
      <c r="L17" s="55">
        <v>667736</v>
      </c>
      <c r="M17" s="136">
        <v>1726494</v>
      </c>
      <c r="N17" s="136">
        <v>136759</v>
      </c>
      <c r="O17" s="136">
        <v>2316365</v>
      </c>
      <c r="P17" s="136">
        <v>147253</v>
      </c>
      <c r="Q17" s="53">
        <v>53172</v>
      </c>
      <c r="R17" s="58" t="s">
        <v>15</v>
      </c>
      <c r="S17" s="136" t="s">
        <v>15</v>
      </c>
      <c r="T17" s="136" t="s">
        <v>15</v>
      </c>
      <c r="U17" s="59" t="s">
        <v>15</v>
      </c>
      <c r="V17" s="56">
        <v>9662391</v>
      </c>
      <c r="W17" s="58" t="s">
        <v>15</v>
      </c>
      <c r="X17" s="59" t="s">
        <v>15</v>
      </c>
      <c r="Y17" s="56">
        <v>9662391</v>
      </c>
      <c r="Z17" s="55">
        <v>424018</v>
      </c>
      <c r="AA17" s="136">
        <v>0</v>
      </c>
      <c r="AB17" s="136">
        <v>5912</v>
      </c>
      <c r="AC17" s="53">
        <v>429930</v>
      </c>
      <c r="AD17" s="136">
        <v>0</v>
      </c>
      <c r="AE17" s="136">
        <v>8125</v>
      </c>
      <c r="AF17" s="136">
        <v>6031</v>
      </c>
      <c r="AG17" s="59">
        <v>14156</v>
      </c>
      <c r="AH17" s="124">
        <v>10106476</v>
      </c>
      <c r="AI17" s="58" t="s">
        <v>15</v>
      </c>
      <c r="AJ17" s="59" t="s">
        <v>15</v>
      </c>
      <c r="AK17" s="60">
        <v>10106476</v>
      </c>
    </row>
    <row r="18" spans="1:37" ht="13.5" customHeight="1" x14ac:dyDescent="0.15">
      <c r="A18" s="51"/>
      <c r="B18" s="52"/>
      <c r="C18" s="52"/>
      <c r="D18" s="52"/>
      <c r="E18" s="52" t="s">
        <v>34</v>
      </c>
      <c r="F18" s="52"/>
      <c r="G18" s="41" t="s">
        <v>15</v>
      </c>
      <c r="H18" s="53" t="s">
        <v>15</v>
      </c>
      <c r="I18" s="54" t="s">
        <v>15</v>
      </c>
      <c r="J18" s="54" t="s">
        <v>15</v>
      </c>
      <c r="K18" s="57" t="s">
        <v>15</v>
      </c>
      <c r="L18" s="55">
        <v>344963</v>
      </c>
      <c r="M18" s="136">
        <v>0</v>
      </c>
      <c r="N18" s="136">
        <v>0</v>
      </c>
      <c r="O18" s="136">
        <v>0</v>
      </c>
      <c r="P18" s="136">
        <v>24829</v>
      </c>
      <c r="Q18" s="53">
        <v>0</v>
      </c>
      <c r="R18" s="58" t="s">
        <v>15</v>
      </c>
      <c r="S18" s="136" t="s">
        <v>15</v>
      </c>
      <c r="T18" s="136" t="s">
        <v>15</v>
      </c>
      <c r="U18" s="59" t="s">
        <v>15</v>
      </c>
      <c r="V18" s="56">
        <v>369791</v>
      </c>
      <c r="W18" s="58" t="s">
        <v>15</v>
      </c>
      <c r="X18" s="59" t="s">
        <v>15</v>
      </c>
      <c r="Y18" s="56">
        <v>369791</v>
      </c>
      <c r="Z18" s="55">
        <v>2852</v>
      </c>
      <c r="AA18" s="136">
        <v>0</v>
      </c>
      <c r="AB18" s="136">
        <v>107</v>
      </c>
      <c r="AC18" s="53">
        <v>2959</v>
      </c>
      <c r="AD18" s="136">
        <v>224</v>
      </c>
      <c r="AE18" s="136">
        <v>0</v>
      </c>
      <c r="AF18" s="136">
        <v>0</v>
      </c>
      <c r="AG18" s="59">
        <v>224</v>
      </c>
      <c r="AH18" s="124">
        <v>372974</v>
      </c>
      <c r="AI18" s="58" t="s">
        <v>15</v>
      </c>
      <c r="AJ18" s="59" t="s">
        <v>15</v>
      </c>
      <c r="AK18" s="60">
        <v>372974</v>
      </c>
    </row>
    <row r="19" spans="1:37" ht="13.5" customHeight="1" x14ac:dyDescent="0.15">
      <c r="A19" s="40"/>
      <c r="B19" s="2"/>
      <c r="C19" s="2"/>
      <c r="D19" s="2" t="s">
        <v>94</v>
      </c>
      <c r="E19" s="2"/>
      <c r="F19" s="2"/>
      <c r="G19" s="41">
        <v>1102920</v>
      </c>
      <c r="H19" s="53" t="s">
        <v>15</v>
      </c>
      <c r="I19" s="54">
        <v>1102920</v>
      </c>
      <c r="J19" s="54" t="s">
        <v>15</v>
      </c>
      <c r="K19" s="57">
        <v>1102920</v>
      </c>
      <c r="L19" s="55">
        <v>379428</v>
      </c>
      <c r="M19" s="136">
        <v>245997</v>
      </c>
      <c r="N19" s="136">
        <v>9242</v>
      </c>
      <c r="O19" s="136">
        <v>705149</v>
      </c>
      <c r="P19" s="136">
        <v>22055</v>
      </c>
      <c r="Q19" s="53">
        <v>250063</v>
      </c>
      <c r="R19" s="58">
        <v>670444</v>
      </c>
      <c r="S19" s="136">
        <v>5227</v>
      </c>
      <c r="T19" s="136">
        <v>244245</v>
      </c>
      <c r="U19" s="59">
        <v>252</v>
      </c>
      <c r="V19" s="56">
        <v>3635021</v>
      </c>
      <c r="W19" s="58" t="s">
        <v>15</v>
      </c>
      <c r="X19" s="59" t="s">
        <v>15</v>
      </c>
      <c r="Y19" s="56">
        <v>3635021</v>
      </c>
      <c r="Z19" s="55">
        <v>26285</v>
      </c>
      <c r="AA19" s="136">
        <v>518346</v>
      </c>
      <c r="AB19" s="136">
        <v>116</v>
      </c>
      <c r="AC19" s="53">
        <v>544747</v>
      </c>
      <c r="AD19" s="136">
        <v>1906</v>
      </c>
      <c r="AE19" s="136">
        <v>331</v>
      </c>
      <c r="AF19" s="136">
        <v>227</v>
      </c>
      <c r="AG19" s="59">
        <v>2464</v>
      </c>
      <c r="AH19" s="124">
        <v>4182232</v>
      </c>
      <c r="AI19" s="58" t="s">
        <v>15</v>
      </c>
      <c r="AJ19" s="59">
        <v>-1548</v>
      </c>
      <c r="AK19" s="60">
        <v>4180684</v>
      </c>
    </row>
    <row r="20" spans="1:37" ht="13.5" customHeight="1" x14ac:dyDescent="0.15">
      <c r="A20" s="51"/>
      <c r="B20" s="52"/>
      <c r="C20" s="52"/>
      <c r="D20" s="52"/>
      <c r="E20" s="52" t="s">
        <v>95</v>
      </c>
      <c r="F20" s="52"/>
      <c r="G20" s="41">
        <v>560414</v>
      </c>
      <c r="H20" s="53" t="s">
        <v>15</v>
      </c>
      <c r="I20" s="54">
        <v>560414</v>
      </c>
      <c r="J20" s="54" t="s">
        <v>15</v>
      </c>
      <c r="K20" s="57">
        <v>560414</v>
      </c>
      <c r="L20" s="55">
        <v>7987</v>
      </c>
      <c r="M20" s="136">
        <v>238352</v>
      </c>
      <c r="N20" s="136">
        <v>9242</v>
      </c>
      <c r="O20" s="136">
        <v>684897</v>
      </c>
      <c r="P20" s="136">
        <v>281</v>
      </c>
      <c r="Q20" s="53">
        <v>233</v>
      </c>
      <c r="R20" s="58" t="s">
        <v>15</v>
      </c>
      <c r="S20" s="136" t="s">
        <v>15</v>
      </c>
      <c r="T20" s="136" t="s">
        <v>15</v>
      </c>
      <c r="U20" s="59" t="s">
        <v>15</v>
      </c>
      <c r="V20" s="56">
        <v>1501405</v>
      </c>
      <c r="W20" s="58" t="s">
        <v>15</v>
      </c>
      <c r="X20" s="59" t="s">
        <v>15</v>
      </c>
      <c r="Y20" s="56">
        <v>1501405</v>
      </c>
      <c r="Z20" s="55">
        <v>23747</v>
      </c>
      <c r="AA20" s="136">
        <v>0</v>
      </c>
      <c r="AB20" s="136">
        <v>116</v>
      </c>
      <c r="AC20" s="53">
        <v>23863</v>
      </c>
      <c r="AD20" s="136">
        <v>0</v>
      </c>
      <c r="AE20" s="136">
        <v>0</v>
      </c>
      <c r="AF20" s="136">
        <v>0</v>
      </c>
      <c r="AG20" s="59">
        <v>0</v>
      </c>
      <c r="AH20" s="124">
        <v>1525269</v>
      </c>
      <c r="AI20" s="58" t="s">
        <v>15</v>
      </c>
      <c r="AJ20" s="59" t="s">
        <v>15</v>
      </c>
      <c r="AK20" s="60">
        <v>1525269</v>
      </c>
    </row>
    <row r="21" spans="1:37" ht="13.5" customHeight="1" x14ac:dyDescent="0.15">
      <c r="A21" s="40"/>
      <c r="B21" s="2"/>
      <c r="C21" s="2"/>
      <c r="D21" s="2"/>
      <c r="E21" s="63" t="s">
        <v>96</v>
      </c>
      <c r="F21" s="2"/>
      <c r="G21" s="41">
        <v>140773</v>
      </c>
      <c r="H21" s="53" t="s">
        <v>15</v>
      </c>
      <c r="I21" s="54">
        <v>140773</v>
      </c>
      <c r="J21" s="54" t="s">
        <v>15</v>
      </c>
      <c r="K21" s="57">
        <v>140773</v>
      </c>
      <c r="L21" s="55">
        <v>0</v>
      </c>
      <c r="M21" s="136">
        <v>0</v>
      </c>
      <c r="N21" s="136">
        <v>0</v>
      </c>
      <c r="O21" s="136">
        <v>0</v>
      </c>
      <c r="P21" s="136">
        <v>0</v>
      </c>
      <c r="Q21" s="53">
        <v>0</v>
      </c>
      <c r="R21" s="58">
        <v>417272</v>
      </c>
      <c r="S21" s="136">
        <v>1192</v>
      </c>
      <c r="T21" s="136">
        <v>12051</v>
      </c>
      <c r="U21" s="59" t="s">
        <v>15</v>
      </c>
      <c r="V21" s="56">
        <v>571288</v>
      </c>
      <c r="W21" s="58" t="s">
        <v>15</v>
      </c>
      <c r="X21" s="59" t="s">
        <v>15</v>
      </c>
      <c r="Y21" s="56">
        <v>571288</v>
      </c>
      <c r="Z21" s="55">
        <v>0</v>
      </c>
      <c r="AA21" s="136">
        <v>0</v>
      </c>
      <c r="AB21" s="136">
        <v>0</v>
      </c>
      <c r="AC21" s="53">
        <v>0</v>
      </c>
      <c r="AD21" s="136">
        <v>0</v>
      </c>
      <c r="AE21" s="136">
        <v>0</v>
      </c>
      <c r="AF21" s="136">
        <v>0</v>
      </c>
      <c r="AG21" s="59">
        <v>0</v>
      </c>
      <c r="AH21" s="124">
        <v>571288</v>
      </c>
      <c r="AI21" s="58" t="s">
        <v>15</v>
      </c>
      <c r="AJ21" s="59" t="s">
        <v>15</v>
      </c>
      <c r="AK21" s="60">
        <v>571288</v>
      </c>
    </row>
    <row r="22" spans="1:37" ht="13.5" customHeight="1" x14ac:dyDescent="0.15">
      <c r="A22" s="51"/>
      <c r="B22" s="52"/>
      <c r="C22" s="52"/>
      <c r="D22" s="52"/>
      <c r="E22" s="52" t="s">
        <v>34</v>
      </c>
      <c r="F22" s="52"/>
      <c r="G22" s="41">
        <v>401733</v>
      </c>
      <c r="H22" s="53" t="s">
        <v>15</v>
      </c>
      <c r="I22" s="54">
        <v>401733</v>
      </c>
      <c r="J22" s="54" t="s">
        <v>15</v>
      </c>
      <c r="K22" s="57">
        <v>401733</v>
      </c>
      <c r="L22" s="55">
        <v>371441</v>
      </c>
      <c r="M22" s="136">
        <v>7645</v>
      </c>
      <c r="N22" s="136">
        <v>0</v>
      </c>
      <c r="O22" s="136">
        <v>20252</v>
      </c>
      <c r="P22" s="136">
        <v>21774</v>
      </c>
      <c r="Q22" s="53">
        <v>249830</v>
      </c>
      <c r="R22" s="58">
        <v>253172</v>
      </c>
      <c r="S22" s="136">
        <v>4035</v>
      </c>
      <c r="T22" s="136">
        <v>232194</v>
      </c>
      <c r="U22" s="59">
        <v>252</v>
      </c>
      <c r="V22" s="56">
        <v>1562328</v>
      </c>
      <c r="W22" s="58" t="s">
        <v>15</v>
      </c>
      <c r="X22" s="59" t="s">
        <v>15</v>
      </c>
      <c r="Y22" s="56">
        <v>1562328</v>
      </c>
      <c r="Z22" s="55">
        <v>2538</v>
      </c>
      <c r="AA22" s="136">
        <v>518346</v>
      </c>
      <c r="AB22" s="136">
        <v>0</v>
      </c>
      <c r="AC22" s="53">
        <v>520884</v>
      </c>
      <c r="AD22" s="136">
        <v>1906</v>
      </c>
      <c r="AE22" s="136">
        <v>331</v>
      </c>
      <c r="AF22" s="136">
        <v>227</v>
      </c>
      <c r="AG22" s="59">
        <v>2464</v>
      </c>
      <c r="AH22" s="124">
        <v>2085676</v>
      </c>
      <c r="AI22" s="58" t="s">
        <v>15</v>
      </c>
      <c r="AJ22" s="59">
        <v>-1548</v>
      </c>
      <c r="AK22" s="60">
        <v>2084128</v>
      </c>
    </row>
    <row r="23" spans="1:37" ht="13.5" customHeight="1" x14ac:dyDescent="0.15">
      <c r="A23" s="40"/>
      <c r="B23" s="2"/>
      <c r="C23" s="2" t="s">
        <v>97</v>
      </c>
      <c r="D23" s="2"/>
      <c r="E23" s="2"/>
      <c r="F23" s="2"/>
      <c r="G23" s="41">
        <v>31732658</v>
      </c>
      <c r="H23" s="53">
        <v>7459</v>
      </c>
      <c r="I23" s="54">
        <v>31740117</v>
      </c>
      <c r="J23" s="54">
        <v>-10681</v>
      </c>
      <c r="K23" s="57">
        <v>31729436</v>
      </c>
      <c r="L23" s="55">
        <v>6574</v>
      </c>
      <c r="M23" s="136">
        <v>162524</v>
      </c>
      <c r="N23" s="136">
        <v>100920</v>
      </c>
      <c r="O23" s="136">
        <v>832005</v>
      </c>
      <c r="P23" s="136">
        <v>12518</v>
      </c>
      <c r="Q23" s="53">
        <v>654429</v>
      </c>
      <c r="R23" s="58">
        <v>22261325</v>
      </c>
      <c r="S23" s="136">
        <v>2554379</v>
      </c>
      <c r="T23" s="136">
        <v>11914365</v>
      </c>
      <c r="U23" s="59">
        <v>614</v>
      </c>
      <c r="V23" s="56">
        <v>70229089</v>
      </c>
      <c r="W23" s="58" t="s">
        <v>15</v>
      </c>
      <c r="X23" s="59">
        <v>-9905367</v>
      </c>
      <c r="Y23" s="56">
        <v>60323722</v>
      </c>
      <c r="Z23" s="55">
        <v>9654</v>
      </c>
      <c r="AA23" s="136">
        <v>23629007</v>
      </c>
      <c r="AB23" s="136">
        <v>838</v>
      </c>
      <c r="AC23" s="53">
        <v>23639498</v>
      </c>
      <c r="AD23" s="136">
        <v>63782</v>
      </c>
      <c r="AE23" s="136">
        <v>47</v>
      </c>
      <c r="AF23" s="136">
        <v>8176</v>
      </c>
      <c r="AG23" s="59">
        <v>72005</v>
      </c>
      <c r="AH23" s="124">
        <v>84035225</v>
      </c>
      <c r="AI23" s="58" t="s">
        <v>15</v>
      </c>
      <c r="AJ23" s="59">
        <v>-5179389</v>
      </c>
      <c r="AK23" s="60">
        <v>78855836</v>
      </c>
    </row>
    <row r="24" spans="1:37" ht="13.5" customHeight="1" x14ac:dyDescent="0.15">
      <c r="A24" s="51"/>
      <c r="B24" s="52"/>
      <c r="C24" s="52"/>
      <c r="D24" s="52" t="s">
        <v>98</v>
      </c>
      <c r="E24" s="52"/>
      <c r="F24" s="52"/>
      <c r="G24" s="41">
        <v>8770072</v>
      </c>
      <c r="H24" s="53">
        <v>7459</v>
      </c>
      <c r="I24" s="54">
        <v>8777530</v>
      </c>
      <c r="J24" s="54" t="s">
        <v>15</v>
      </c>
      <c r="K24" s="57">
        <v>8777530</v>
      </c>
      <c r="L24" s="55">
        <v>6574</v>
      </c>
      <c r="M24" s="136">
        <v>162524</v>
      </c>
      <c r="N24" s="136">
        <v>100920</v>
      </c>
      <c r="O24" s="136">
        <v>832005</v>
      </c>
      <c r="P24" s="136">
        <v>5805</v>
      </c>
      <c r="Q24" s="53">
        <v>454429</v>
      </c>
      <c r="R24" s="58">
        <v>22032413</v>
      </c>
      <c r="S24" s="136">
        <v>2554379</v>
      </c>
      <c r="T24" s="136">
        <v>11912710</v>
      </c>
      <c r="U24" s="59">
        <v>614</v>
      </c>
      <c r="V24" s="56">
        <v>46839904</v>
      </c>
      <c r="W24" s="58" t="s">
        <v>15</v>
      </c>
      <c r="X24" s="59">
        <v>-4405611</v>
      </c>
      <c r="Y24" s="56">
        <v>42434293</v>
      </c>
      <c r="Z24" s="55">
        <v>9632</v>
      </c>
      <c r="AA24" s="136">
        <v>23629007</v>
      </c>
      <c r="AB24" s="136">
        <v>278</v>
      </c>
      <c r="AC24" s="53">
        <v>23638916</v>
      </c>
      <c r="AD24" s="136">
        <v>32519</v>
      </c>
      <c r="AE24" s="136">
        <v>44</v>
      </c>
      <c r="AF24" s="136">
        <v>0</v>
      </c>
      <c r="AG24" s="59">
        <v>32563</v>
      </c>
      <c r="AH24" s="124">
        <v>66105773</v>
      </c>
      <c r="AI24" s="58" t="s">
        <v>15</v>
      </c>
      <c r="AJ24" s="59">
        <v>-5179389</v>
      </c>
      <c r="AK24" s="60">
        <v>60926384</v>
      </c>
    </row>
    <row r="25" spans="1:37" ht="13.5" customHeight="1" x14ac:dyDescent="0.15">
      <c r="A25" s="51"/>
      <c r="B25" s="52"/>
      <c r="C25" s="52"/>
      <c r="D25" s="52" t="s">
        <v>99</v>
      </c>
      <c r="E25" s="52"/>
      <c r="F25" s="52"/>
      <c r="G25" s="41">
        <v>17789705</v>
      </c>
      <c r="H25" s="53" t="s">
        <v>15</v>
      </c>
      <c r="I25" s="54">
        <v>17789705</v>
      </c>
      <c r="J25" s="54" t="s">
        <v>15</v>
      </c>
      <c r="K25" s="57">
        <v>17789705</v>
      </c>
      <c r="L25" s="55">
        <v>0</v>
      </c>
      <c r="M25" s="136">
        <v>0</v>
      </c>
      <c r="N25" s="136">
        <v>0</v>
      </c>
      <c r="O25" s="136">
        <v>0</v>
      </c>
      <c r="P25" s="136">
        <v>0</v>
      </c>
      <c r="Q25" s="53">
        <v>0</v>
      </c>
      <c r="R25" s="58" t="s">
        <v>15</v>
      </c>
      <c r="S25" s="136" t="s">
        <v>15</v>
      </c>
      <c r="T25" s="136">
        <v>1654</v>
      </c>
      <c r="U25" s="59" t="s">
        <v>15</v>
      </c>
      <c r="V25" s="56">
        <v>17791360</v>
      </c>
      <c r="W25" s="58" t="s">
        <v>15</v>
      </c>
      <c r="X25" s="59">
        <v>-1033</v>
      </c>
      <c r="Y25" s="56">
        <v>17790326</v>
      </c>
      <c r="Z25" s="55">
        <v>0</v>
      </c>
      <c r="AA25" s="136">
        <v>0</v>
      </c>
      <c r="AB25" s="136">
        <v>79</v>
      </c>
      <c r="AC25" s="53">
        <v>79</v>
      </c>
      <c r="AD25" s="136">
        <v>0</v>
      </c>
      <c r="AE25" s="136">
        <v>0</v>
      </c>
      <c r="AF25" s="136">
        <v>0</v>
      </c>
      <c r="AG25" s="59">
        <v>0</v>
      </c>
      <c r="AH25" s="124">
        <v>17790406</v>
      </c>
      <c r="AI25" s="58" t="s">
        <v>15</v>
      </c>
      <c r="AJ25" s="59" t="s">
        <v>15</v>
      </c>
      <c r="AK25" s="60">
        <v>17790406</v>
      </c>
    </row>
    <row r="26" spans="1:37" ht="13.5" customHeight="1" x14ac:dyDescent="0.15">
      <c r="A26" s="51"/>
      <c r="B26" s="52"/>
      <c r="C26" s="52"/>
      <c r="D26" s="52" t="s">
        <v>100</v>
      </c>
      <c r="E26" s="52"/>
      <c r="F26" s="52"/>
      <c r="G26" s="41">
        <v>5080492</v>
      </c>
      <c r="H26" s="53" t="s">
        <v>15</v>
      </c>
      <c r="I26" s="54">
        <v>5080492</v>
      </c>
      <c r="J26" s="54">
        <v>-10681</v>
      </c>
      <c r="K26" s="57">
        <v>5069810</v>
      </c>
      <c r="L26" s="55">
        <v>0</v>
      </c>
      <c r="M26" s="136">
        <v>0</v>
      </c>
      <c r="N26" s="136">
        <v>0</v>
      </c>
      <c r="O26" s="136">
        <v>0</v>
      </c>
      <c r="P26" s="136">
        <v>0</v>
      </c>
      <c r="Q26" s="53">
        <v>0</v>
      </c>
      <c r="R26" s="58">
        <v>228913</v>
      </c>
      <c r="S26" s="136" t="s">
        <v>15</v>
      </c>
      <c r="T26" s="136" t="s">
        <v>15</v>
      </c>
      <c r="U26" s="59" t="s">
        <v>15</v>
      </c>
      <c r="V26" s="56">
        <v>5298723</v>
      </c>
      <c r="W26" s="58" t="s">
        <v>15</v>
      </c>
      <c r="X26" s="59">
        <v>-5298723</v>
      </c>
      <c r="Y26" s="56">
        <v>0</v>
      </c>
      <c r="Z26" s="55">
        <v>0</v>
      </c>
      <c r="AA26" s="136">
        <v>0</v>
      </c>
      <c r="AB26" s="136">
        <v>0</v>
      </c>
      <c r="AC26" s="53">
        <v>0</v>
      </c>
      <c r="AD26" s="136">
        <v>0</v>
      </c>
      <c r="AE26" s="136">
        <v>0</v>
      </c>
      <c r="AF26" s="136">
        <v>0</v>
      </c>
      <c r="AG26" s="59">
        <v>0</v>
      </c>
      <c r="AH26" s="124">
        <v>0</v>
      </c>
      <c r="AI26" s="58" t="s">
        <v>15</v>
      </c>
      <c r="AJ26" s="59" t="s">
        <v>15</v>
      </c>
      <c r="AK26" s="60">
        <v>0</v>
      </c>
    </row>
    <row r="27" spans="1:37" ht="13.5" customHeight="1" x14ac:dyDescent="0.15">
      <c r="A27" s="51"/>
      <c r="B27" s="52"/>
      <c r="C27" s="52"/>
      <c r="D27" s="52" t="s">
        <v>34</v>
      </c>
      <c r="E27" s="52"/>
      <c r="F27" s="52"/>
      <c r="G27" s="41">
        <v>92390</v>
      </c>
      <c r="H27" s="53" t="s">
        <v>15</v>
      </c>
      <c r="I27" s="54">
        <v>92390</v>
      </c>
      <c r="J27" s="54" t="s">
        <v>15</v>
      </c>
      <c r="K27" s="57">
        <v>92390</v>
      </c>
      <c r="L27" s="55">
        <v>0</v>
      </c>
      <c r="M27" s="136">
        <v>0</v>
      </c>
      <c r="N27" s="136">
        <v>0</v>
      </c>
      <c r="O27" s="136">
        <v>0</v>
      </c>
      <c r="P27" s="136">
        <v>6713</v>
      </c>
      <c r="Q27" s="53">
        <v>200000</v>
      </c>
      <c r="R27" s="58" t="s">
        <v>15</v>
      </c>
      <c r="S27" s="136" t="s">
        <v>15</v>
      </c>
      <c r="T27" s="136" t="s">
        <v>15</v>
      </c>
      <c r="U27" s="59" t="s">
        <v>15</v>
      </c>
      <c r="V27" s="56">
        <v>299102</v>
      </c>
      <c r="W27" s="58" t="s">
        <v>15</v>
      </c>
      <c r="X27" s="59">
        <v>-200000</v>
      </c>
      <c r="Y27" s="56">
        <v>99102</v>
      </c>
      <c r="Z27" s="55">
        <v>22</v>
      </c>
      <c r="AA27" s="136">
        <v>0</v>
      </c>
      <c r="AB27" s="136">
        <v>481</v>
      </c>
      <c r="AC27" s="53">
        <v>503</v>
      </c>
      <c r="AD27" s="136">
        <v>31263</v>
      </c>
      <c r="AE27" s="136">
        <v>3</v>
      </c>
      <c r="AF27" s="136">
        <v>8176</v>
      </c>
      <c r="AG27" s="59">
        <v>39442</v>
      </c>
      <c r="AH27" s="124">
        <v>139047</v>
      </c>
      <c r="AI27" s="58" t="s">
        <v>15</v>
      </c>
      <c r="AJ27" s="59" t="s">
        <v>15</v>
      </c>
      <c r="AK27" s="60">
        <v>139047</v>
      </c>
    </row>
    <row r="28" spans="1:37" ht="13.5" customHeight="1" x14ac:dyDescent="0.15">
      <c r="A28" s="51"/>
      <c r="B28" s="52" t="s">
        <v>101</v>
      </c>
      <c r="C28" s="52"/>
      <c r="D28" s="52"/>
      <c r="E28" s="52"/>
      <c r="F28" s="52"/>
      <c r="G28" s="41">
        <v>5212440</v>
      </c>
      <c r="H28" s="53">
        <v>20080</v>
      </c>
      <c r="I28" s="54">
        <v>5232520</v>
      </c>
      <c r="J28" s="54" t="s">
        <v>15</v>
      </c>
      <c r="K28" s="57">
        <v>5232520</v>
      </c>
      <c r="L28" s="55">
        <v>10755280</v>
      </c>
      <c r="M28" s="136">
        <v>3345024</v>
      </c>
      <c r="N28" s="136">
        <v>326025</v>
      </c>
      <c r="O28" s="136">
        <v>2491888</v>
      </c>
      <c r="P28" s="136">
        <v>2085903</v>
      </c>
      <c r="Q28" s="53">
        <v>11029382</v>
      </c>
      <c r="R28" s="58">
        <v>52792</v>
      </c>
      <c r="S28" s="136">
        <v>4538</v>
      </c>
      <c r="T28" s="136">
        <v>28033</v>
      </c>
      <c r="U28" s="59">
        <v>894</v>
      </c>
      <c r="V28" s="56">
        <v>35352280</v>
      </c>
      <c r="W28" s="58" t="s">
        <v>15</v>
      </c>
      <c r="X28" s="59">
        <v>-1049866</v>
      </c>
      <c r="Y28" s="56">
        <v>34302414</v>
      </c>
      <c r="Z28" s="55">
        <v>542220</v>
      </c>
      <c r="AA28" s="136">
        <v>32603</v>
      </c>
      <c r="AB28" s="136">
        <v>6908</v>
      </c>
      <c r="AC28" s="53">
        <v>581731</v>
      </c>
      <c r="AD28" s="136">
        <v>1223060</v>
      </c>
      <c r="AE28" s="136">
        <v>9372</v>
      </c>
      <c r="AF28" s="136">
        <v>70721</v>
      </c>
      <c r="AG28" s="59">
        <v>1303152</v>
      </c>
      <c r="AH28" s="124">
        <v>36187298</v>
      </c>
      <c r="AI28" s="58" t="s">
        <v>15</v>
      </c>
      <c r="AJ28" s="59">
        <v>-827277</v>
      </c>
      <c r="AK28" s="60">
        <v>35360020</v>
      </c>
    </row>
    <row r="29" spans="1:37" ht="13.5" customHeight="1" x14ac:dyDescent="0.15">
      <c r="A29" s="51"/>
      <c r="B29" s="52"/>
      <c r="C29" s="52" t="s">
        <v>102</v>
      </c>
      <c r="D29" s="52"/>
      <c r="E29" s="52"/>
      <c r="F29" s="52"/>
      <c r="G29" s="41">
        <v>3049362</v>
      </c>
      <c r="H29" s="53" t="s">
        <v>15</v>
      </c>
      <c r="I29" s="54">
        <v>3049362</v>
      </c>
      <c r="J29" s="54" t="s">
        <v>15</v>
      </c>
      <c r="K29" s="57">
        <v>3049362</v>
      </c>
      <c r="L29" s="55">
        <v>10275431</v>
      </c>
      <c r="M29" s="136">
        <v>3046278</v>
      </c>
      <c r="N29" s="136">
        <v>325761</v>
      </c>
      <c r="O29" s="136">
        <v>2489647</v>
      </c>
      <c r="P29" s="136">
        <v>2042838</v>
      </c>
      <c r="Q29" s="53">
        <v>11028300</v>
      </c>
      <c r="R29" s="58">
        <v>2304</v>
      </c>
      <c r="S29" s="136">
        <v>174</v>
      </c>
      <c r="T29" s="136">
        <v>484</v>
      </c>
      <c r="U29" s="59" t="s">
        <v>15</v>
      </c>
      <c r="V29" s="56">
        <v>32260578</v>
      </c>
      <c r="W29" s="58" t="s">
        <v>15</v>
      </c>
      <c r="X29" s="59">
        <v>-598655</v>
      </c>
      <c r="Y29" s="56">
        <v>31661923</v>
      </c>
      <c r="Z29" s="55">
        <v>198334</v>
      </c>
      <c r="AA29" s="136">
        <v>0</v>
      </c>
      <c r="AB29" s="136">
        <v>6104</v>
      </c>
      <c r="AC29" s="53">
        <v>204438</v>
      </c>
      <c r="AD29" s="136">
        <v>0</v>
      </c>
      <c r="AE29" s="136">
        <v>0</v>
      </c>
      <c r="AF29" s="136">
        <v>0</v>
      </c>
      <c r="AG29" s="59">
        <v>0</v>
      </c>
      <c r="AH29" s="124">
        <v>31866361</v>
      </c>
      <c r="AI29" s="58" t="s">
        <v>15</v>
      </c>
      <c r="AJ29" s="59">
        <v>-795</v>
      </c>
      <c r="AK29" s="60">
        <v>31865566</v>
      </c>
    </row>
    <row r="30" spans="1:37" ht="13.5" customHeight="1" x14ac:dyDescent="0.15">
      <c r="A30" s="67"/>
      <c r="B30" s="68"/>
      <c r="C30" s="68" t="s">
        <v>34</v>
      </c>
      <c r="D30" s="68"/>
      <c r="E30" s="68"/>
      <c r="F30" s="68"/>
      <c r="G30" s="69">
        <v>2163078</v>
      </c>
      <c r="H30" s="70">
        <v>20080</v>
      </c>
      <c r="I30" s="71">
        <v>2183158</v>
      </c>
      <c r="J30" s="71" t="s">
        <v>15</v>
      </c>
      <c r="K30" s="74">
        <v>2183158</v>
      </c>
      <c r="L30" s="72">
        <v>479850</v>
      </c>
      <c r="M30" s="137">
        <v>298746</v>
      </c>
      <c r="N30" s="137">
        <v>264</v>
      </c>
      <c r="O30" s="137">
        <v>2242</v>
      </c>
      <c r="P30" s="137">
        <v>43066</v>
      </c>
      <c r="Q30" s="70">
        <v>1082</v>
      </c>
      <c r="R30" s="69">
        <v>50487</v>
      </c>
      <c r="S30" s="137">
        <v>4363</v>
      </c>
      <c r="T30" s="137">
        <v>27550</v>
      </c>
      <c r="U30" s="75">
        <v>894</v>
      </c>
      <c r="V30" s="73">
        <v>3091702</v>
      </c>
      <c r="W30" s="69" t="s">
        <v>15</v>
      </c>
      <c r="X30" s="75">
        <v>-451211</v>
      </c>
      <c r="Y30" s="73">
        <v>2640491</v>
      </c>
      <c r="Z30" s="72">
        <v>343887</v>
      </c>
      <c r="AA30" s="137">
        <v>32603</v>
      </c>
      <c r="AB30" s="137">
        <v>804</v>
      </c>
      <c r="AC30" s="70">
        <v>377294</v>
      </c>
      <c r="AD30" s="137">
        <v>1223060</v>
      </c>
      <c r="AE30" s="137">
        <v>9372</v>
      </c>
      <c r="AF30" s="137">
        <v>70721</v>
      </c>
      <c r="AG30" s="75">
        <v>1303152</v>
      </c>
      <c r="AH30" s="125">
        <v>4320937</v>
      </c>
      <c r="AI30" s="69" t="s">
        <v>15</v>
      </c>
      <c r="AJ30" s="75">
        <v>-826483</v>
      </c>
      <c r="AK30" s="76">
        <v>3494454</v>
      </c>
    </row>
    <row r="31" spans="1:37" ht="13.5" customHeight="1" x14ac:dyDescent="0.15">
      <c r="A31" s="77" t="s">
        <v>103</v>
      </c>
      <c r="B31" s="78"/>
      <c r="C31" s="78"/>
      <c r="D31" s="78"/>
      <c r="E31" s="78"/>
      <c r="F31" s="78"/>
      <c r="G31" s="41">
        <v>-58025197</v>
      </c>
      <c r="H31" s="42">
        <v>-10416</v>
      </c>
      <c r="I31" s="43">
        <v>-58035613</v>
      </c>
      <c r="J31" s="43">
        <v>10681</v>
      </c>
      <c r="K31" s="79">
        <v>-58024931</v>
      </c>
      <c r="L31" s="44">
        <v>-1259691</v>
      </c>
      <c r="M31" s="135">
        <v>-17234</v>
      </c>
      <c r="N31" s="135">
        <v>40738</v>
      </c>
      <c r="O31" s="135">
        <v>-1862351</v>
      </c>
      <c r="P31" s="135">
        <v>-196163</v>
      </c>
      <c r="Q31" s="42">
        <v>98511</v>
      </c>
      <c r="R31" s="41">
        <v>-23291069</v>
      </c>
      <c r="S31" s="135">
        <v>-2638410</v>
      </c>
      <c r="T31" s="135">
        <v>-12807636</v>
      </c>
      <c r="U31" s="80">
        <v>-12219</v>
      </c>
      <c r="V31" s="45">
        <v>-99970455</v>
      </c>
      <c r="W31" s="41" t="s">
        <v>15</v>
      </c>
      <c r="X31" s="80">
        <v>9091151</v>
      </c>
      <c r="Y31" s="45">
        <v>-90879304</v>
      </c>
      <c r="Z31" s="44">
        <v>-832670</v>
      </c>
      <c r="AA31" s="135">
        <v>-24188970</v>
      </c>
      <c r="AB31" s="135">
        <v>-14844</v>
      </c>
      <c r="AC31" s="42">
        <v>-25036484</v>
      </c>
      <c r="AD31" s="135">
        <v>-79347</v>
      </c>
      <c r="AE31" s="135">
        <v>-60290</v>
      </c>
      <c r="AF31" s="135">
        <v>7240</v>
      </c>
      <c r="AG31" s="80">
        <v>-132397</v>
      </c>
      <c r="AH31" s="123">
        <v>-116048185</v>
      </c>
      <c r="AI31" s="41" t="s">
        <v>15</v>
      </c>
      <c r="AJ31" s="80">
        <v>5176770</v>
      </c>
      <c r="AK31" s="50">
        <v>-110871416</v>
      </c>
    </row>
    <row r="32" spans="1:37" ht="13.5" customHeight="1" x14ac:dyDescent="0.15">
      <c r="A32" s="51"/>
      <c r="B32" s="52" t="s">
        <v>104</v>
      </c>
      <c r="C32" s="52"/>
      <c r="D32" s="52"/>
      <c r="E32" s="52"/>
      <c r="F32" s="52"/>
      <c r="G32" s="41">
        <v>8343</v>
      </c>
      <c r="H32" s="53" t="s">
        <v>15</v>
      </c>
      <c r="I32" s="54">
        <v>8343</v>
      </c>
      <c r="J32" s="54" t="s">
        <v>15</v>
      </c>
      <c r="K32" s="57">
        <v>8343</v>
      </c>
      <c r="L32" s="55">
        <v>3756</v>
      </c>
      <c r="M32" s="136">
        <v>66981</v>
      </c>
      <c r="N32" s="136">
        <v>3980</v>
      </c>
      <c r="O32" s="136">
        <v>40978</v>
      </c>
      <c r="P32" s="136">
        <v>3675</v>
      </c>
      <c r="Q32" s="53">
        <v>0</v>
      </c>
      <c r="R32" s="58" t="s">
        <v>15</v>
      </c>
      <c r="S32" s="136" t="s">
        <v>15</v>
      </c>
      <c r="T32" s="136" t="s">
        <v>15</v>
      </c>
      <c r="U32" s="59" t="s">
        <v>15</v>
      </c>
      <c r="V32" s="56">
        <v>127713</v>
      </c>
      <c r="W32" s="58" t="s">
        <v>15</v>
      </c>
      <c r="X32" s="59">
        <v>-12077</v>
      </c>
      <c r="Y32" s="56">
        <v>115636</v>
      </c>
      <c r="Z32" s="55">
        <v>0</v>
      </c>
      <c r="AA32" s="136">
        <v>0</v>
      </c>
      <c r="AB32" s="136">
        <v>0</v>
      </c>
      <c r="AC32" s="53">
        <v>0</v>
      </c>
      <c r="AD32" s="136">
        <v>0</v>
      </c>
      <c r="AE32" s="136">
        <v>0</v>
      </c>
      <c r="AF32" s="136">
        <v>2050</v>
      </c>
      <c r="AG32" s="59">
        <v>2050</v>
      </c>
      <c r="AH32" s="124">
        <v>117686</v>
      </c>
      <c r="AI32" s="58" t="s">
        <v>15</v>
      </c>
      <c r="AJ32" s="59" t="s">
        <v>15</v>
      </c>
      <c r="AK32" s="60">
        <v>117686</v>
      </c>
    </row>
    <row r="33" spans="1:37" ht="13.5" customHeight="1" x14ac:dyDescent="0.15">
      <c r="A33" s="51"/>
      <c r="B33" s="52"/>
      <c r="C33" s="52" t="s">
        <v>105</v>
      </c>
      <c r="D33" s="52"/>
      <c r="E33" s="52"/>
      <c r="F33" s="52"/>
      <c r="G33" s="41" t="s">
        <v>15</v>
      </c>
      <c r="H33" s="53" t="s">
        <v>15</v>
      </c>
      <c r="I33" s="54" t="s">
        <v>15</v>
      </c>
      <c r="J33" s="54" t="s">
        <v>15</v>
      </c>
      <c r="K33" s="57" t="s">
        <v>15</v>
      </c>
      <c r="L33" s="55">
        <v>0</v>
      </c>
      <c r="M33" s="136">
        <v>0</v>
      </c>
      <c r="N33" s="136">
        <v>0</v>
      </c>
      <c r="O33" s="136">
        <v>0</v>
      </c>
      <c r="P33" s="136">
        <v>0</v>
      </c>
      <c r="Q33" s="53">
        <v>0</v>
      </c>
      <c r="R33" s="58" t="s">
        <v>15</v>
      </c>
      <c r="S33" s="136" t="s">
        <v>15</v>
      </c>
      <c r="T33" s="136" t="s">
        <v>15</v>
      </c>
      <c r="U33" s="59" t="s">
        <v>15</v>
      </c>
      <c r="V33" s="56">
        <v>0</v>
      </c>
      <c r="W33" s="58" t="s">
        <v>15</v>
      </c>
      <c r="X33" s="59" t="s">
        <v>15</v>
      </c>
      <c r="Y33" s="56">
        <v>0</v>
      </c>
      <c r="Z33" s="55">
        <v>0</v>
      </c>
      <c r="AA33" s="136">
        <v>0</v>
      </c>
      <c r="AB33" s="136">
        <v>0</v>
      </c>
      <c r="AC33" s="53">
        <v>0</v>
      </c>
      <c r="AD33" s="136">
        <v>0</v>
      </c>
      <c r="AE33" s="136">
        <v>0</v>
      </c>
      <c r="AF33" s="136">
        <v>0</v>
      </c>
      <c r="AG33" s="59">
        <v>0</v>
      </c>
      <c r="AH33" s="124">
        <v>0</v>
      </c>
      <c r="AI33" s="58" t="s">
        <v>15</v>
      </c>
      <c r="AJ33" s="59" t="s">
        <v>15</v>
      </c>
      <c r="AK33" s="60">
        <v>0</v>
      </c>
    </row>
    <row r="34" spans="1:37" ht="13.5" customHeight="1" x14ac:dyDescent="0.15">
      <c r="A34" s="51"/>
      <c r="B34" s="52"/>
      <c r="C34" s="52" t="s">
        <v>106</v>
      </c>
      <c r="D34" s="52"/>
      <c r="E34" s="52"/>
      <c r="F34" s="52"/>
      <c r="G34" s="41">
        <v>406</v>
      </c>
      <c r="H34" s="53" t="s">
        <v>15</v>
      </c>
      <c r="I34" s="54">
        <v>406</v>
      </c>
      <c r="J34" s="54" t="s">
        <v>15</v>
      </c>
      <c r="K34" s="57">
        <v>406</v>
      </c>
      <c r="L34" s="55">
        <v>3756</v>
      </c>
      <c r="M34" s="136">
        <v>65223</v>
      </c>
      <c r="N34" s="136">
        <v>3980</v>
      </c>
      <c r="O34" s="136">
        <v>40918</v>
      </c>
      <c r="P34" s="136">
        <v>3675</v>
      </c>
      <c r="Q34" s="53">
        <v>0</v>
      </c>
      <c r="R34" s="58" t="s">
        <v>15</v>
      </c>
      <c r="S34" s="136" t="s">
        <v>15</v>
      </c>
      <c r="T34" s="136" t="s">
        <v>15</v>
      </c>
      <c r="U34" s="59" t="s">
        <v>15</v>
      </c>
      <c r="V34" s="56">
        <v>117957</v>
      </c>
      <c r="W34" s="58" t="s">
        <v>15</v>
      </c>
      <c r="X34" s="59">
        <v>-12077</v>
      </c>
      <c r="Y34" s="56">
        <v>105880</v>
      </c>
      <c r="Z34" s="55">
        <v>0</v>
      </c>
      <c r="AA34" s="136">
        <v>0</v>
      </c>
      <c r="AB34" s="136">
        <v>0</v>
      </c>
      <c r="AC34" s="53">
        <v>0</v>
      </c>
      <c r="AD34" s="136">
        <v>0</v>
      </c>
      <c r="AE34" s="136">
        <v>0</v>
      </c>
      <c r="AF34" s="136">
        <v>0</v>
      </c>
      <c r="AG34" s="59">
        <v>0</v>
      </c>
      <c r="AH34" s="124">
        <v>105880</v>
      </c>
      <c r="AI34" s="58" t="s">
        <v>15</v>
      </c>
      <c r="AJ34" s="59" t="s">
        <v>15</v>
      </c>
      <c r="AK34" s="60">
        <v>105880</v>
      </c>
    </row>
    <row r="35" spans="1:37" ht="13.5" customHeight="1" x14ac:dyDescent="0.15">
      <c r="A35" s="51"/>
      <c r="B35" s="52"/>
      <c r="C35" s="52" t="s">
        <v>107</v>
      </c>
      <c r="D35" s="52"/>
      <c r="E35" s="52"/>
      <c r="F35" s="52"/>
      <c r="G35" s="41" t="s">
        <v>15</v>
      </c>
      <c r="H35" s="53" t="s">
        <v>15</v>
      </c>
      <c r="I35" s="54" t="s">
        <v>15</v>
      </c>
      <c r="J35" s="54" t="s">
        <v>15</v>
      </c>
      <c r="K35" s="57" t="s">
        <v>15</v>
      </c>
      <c r="L35" s="55">
        <v>0</v>
      </c>
      <c r="M35" s="136">
        <v>0</v>
      </c>
      <c r="N35" s="136">
        <v>0</v>
      </c>
      <c r="O35" s="136">
        <v>0</v>
      </c>
      <c r="P35" s="136">
        <v>0</v>
      </c>
      <c r="Q35" s="53">
        <v>0</v>
      </c>
      <c r="R35" s="58" t="s">
        <v>15</v>
      </c>
      <c r="S35" s="136" t="s">
        <v>15</v>
      </c>
      <c r="T35" s="136" t="s">
        <v>15</v>
      </c>
      <c r="U35" s="59" t="s">
        <v>15</v>
      </c>
      <c r="V35" s="56">
        <v>0</v>
      </c>
      <c r="W35" s="58" t="s">
        <v>15</v>
      </c>
      <c r="X35" s="59" t="s">
        <v>15</v>
      </c>
      <c r="Y35" s="56">
        <v>0</v>
      </c>
      <c r="Z35" s="150">
        <v>0</v>
      </c>
      <c r="AA35" s="151">
        <v>0</v>
      </c>
      <c r="AB35" s="151">
        <v>0</v>
      </c>
      <c r="AC35" s="152">
        <v>0</v>
      </c>
      <c r="AD35" s="151">
        <v>0</v>
      </c>
      <c r="AE35" s="151">
        <v>0</v>
      </c>
      <c r="AF35" s="151">
        <v>0</v>
      </c>
      <c r="AG35" s="152">
        <v>0</v>
      </c>
      <c r="AH35" s="124">
        <v>0</v>
      </c>
      <c r="AI35" s="58" t="s">
        <v>15</v>
      </c>
      <c r="AJ35" s="59" t="s">
        <v>15</v>
      </c>
      <c r="AK35" s="60">
        <v>0</v>
      </c>
    </row>
    <row r="36" spans="1:37" ht="13.5" customHeight="1" x14ac:dyDescent="0.15">
      <c r="A36" s="51"/>
      <c r="B36" s="52"/>
      <c r="C36" s="52" t="s">
        <v>108</v>
      </c>
      <c r="D36" s="52"/>
      <c r="E36" s="52"/>
      <c r="F36" s="52"/>
      <c r="G36" s="41">
        <v>6989</v>
      </c>
      <c r="H36" s="53" t="s">
        <v>15</v>
      </c>
      <c r="I36" s="54">
        <v>6989</v>
      </c>
      <c r="J36" s="54" t="s">
        <v>15</v>
      </c>
      <c r="K36" s="57">
        <v>6989</v>
      </c>
      <c r="L36" s="55">
        <v>0</v>
      </c>
      <c r="M36" s="136">
        <v>0</v>
      </c>
      <c r="N36" s="136">
        <v>0</v>
      </c>
      <c r="O36" s="136">
        <v>0</v>
      </c>
      <c r="P36" s="136">
        <v>0</v>
      </c>
      <c r="Q36" s="53">
        <v>0</v>
      </c>
      <c r="R36" s="58" t="s">
        <v>15</v>
      </c>
      <c r="S36" s="136" t="s">
        <v>15</v>
      </c>
      <c r="T36" s="136" t="s">
        <v>15</v>
      </c>
      <c r="U36" s="59" t="s">
        <v>15</v>
      </c>
      <c r="V36" s="56">
        <v>6989</v>
      </c>
      <c r="W36" s="58" t="s">
        <v>15</v>
      </c>
      <c r="X36" s="59" t="s">
        <v>15</v>
      </c>
      <c r="Y36" s="56">
        <v>6989</v>
      </c>
      <c r="Z36" s="55">
        <v>0</v>
      </c>
      <c r="AA36" s="136">
        <v>0</v>
      </c>
      <c r="AB36" s="136">
        <v>0</v>
      </c>
      <c r="AC36" s="53">
        <v>0</v>
      </c>
      <c r="AD36" s="136">
        <v>0</v>
      </c>
      <c r="AE36" s="136">
        <v>0</v>
      </c>
      <c r="AF36" s="136">
        <v>0</v>
      </c>
      <c r="AG36" s="59">
        <v>0</v>
      </c>
      <c r="AH36" s="124">
        <v>6989</v>
      </c>
      <c r="AI36" s="58" t="s">
        <v>15</v>
      </c>
      <c r="AJ36" s="59" t="s">
        <v>15</v>
      </c>
      <c r="AK36" s="60">
        <v>6989</v>
      </c>
    </row>
    <row r="37" spans="1:37" ht="13.5" customHeight="1" x14ac:dyDescent="0.15">
      <c r="A37" s="51"/>
      <c r="B37" s="52"/>
      <c r="C37" s="52" t="s">
        <v>34</v>
      </c>
      <c r="D37" s="52"/>
      <c r="E37" s="52"/>
      <c r="F37" s="52"/>
      <c r="G37" s="41">
        <v>948</v>
      </c>
      <c r="H37" s="53" t="s">
        <v>15</v>
      </c>
      <c r="I37" s="54">
        <v>948</v>
      </c>
      <c r="J37" s="54" t="s">
        <v>15</v>
      </c>
      <c r="K37" s="57">
        <v>948</v>
      </c>
      <c r="L37" s="55">
        <v>0</v>
      </c>
      <c r="M37" s="136">
        <v>1759</v>
      </c>
      <c r="N37" s="136">
        <v>0</v>
      </c>
      <c r="O37" s="136">
        <v>60</v>
      </c>
      <c r="P37" s="136">
        <v>0</v>
      </c>
      <c r="Q37" s="53">
        <v>0</v>
      </c>
      <c r="R37" s="58" t="s">
        <v>15</v>
      </c>
      <c r="S37" s="136" t="s">
        <v>15</v>
      </c>
      <c r="T37" s="136" t="s">
        <v>15</v>
      </c>
      <c r="U37" s="59" t="s">
        <v>15</v>
      </c>
      <c r="V37" s="56">
        <v>2767</v>
      </c>
      <c r="W37" s="58" t="s">
        <v>15</v>
      </c>
      <c r="X37" s="59" t="s">
        <v>15</v>
      </c>
      <c r="Y37" s="56">
        <v>2767</v>
      </c>
      <c r="Z37" s="55">
        <v>0</v>
      </c>
      <c r="AA37" s="136">
        <v>0</v>
      </c>
      <c r="AB37" s="136">
        <v>0</v>
      </c>
      <c r="AC37" s="53">
        <v>0</v>
      </c>
      <c r="AD37" s="136">
        <v>0</v>
      </c>
      <c r="AE37" s="136">
        <v>0</v>
      </c>
      <c r="AF37" s="136">
        <v>2050</v>
      </c>
      <c r="AG37" s="59">
        <v>2050</v>
      </c>
      <c r="AH37" s="124">
        <v>4817</v>
      </c>
      <c r="AI37" s="58" t="s">
        <v>15</v>
      </c>
      <c r="AJ37" s="59" t="s">
        <v>15</v>
      </c>
      <c r="AK37" s="60">
        <v>4817</v>
      </c>
    </row>
    <row r="38" spans="1:37" ht="13.5" customHeight="1" x14ac:dyDescent="0.15">
      <c r="A38" s="51"/>
      <c r="B38" s="52" t="s">
        <v>109</v>
      </c>
      <c r="C38" s="52"/>
      <c r="D38" s="52"/>
      <c r="E38" s="52"/>
      <c r="F38" s="52"/>
      <c r="G38" s="41">
        <v>136826</v>
      </c>
      <c r="H38" s="53" t="s">
        <v>15</v>
      </c>
      <c r="I38" s="54">
        <v>136826</v>
      </c>
      <c r="J38" s="54" t="s">
        <v>15</v>
      </c>
      <c r="K38" s="57">
        <v>136826</v>
      </c>
      <c r="L38" s="55">
        <v>0</v>
      </c>
      <c r="M38" s="136">
        <v>2121</v>
      </c>
      <c r="N38" s="136">
        <v>0</v>
      </c>
      <c r="O38" s="136">
        <v>3306</v>
      </c>
      <c r="P38" s="136">
        <v>0</v>
      </c>
      <c r="Q38" s="53">
        <v>0</v>
      </c>
      <c r="R38" s="58" t="s">
        <v>15</v>
      </c>
      <c r="S38" s="136" t="s">
        <v>15</v>
      </c>
      <c r="T38" s="136" t="s">
        <v>15</v>
      </c>
      <c r="U38" s="59" t="s">
        <v>15</v>
      </c>
      <c r="V38" s="56">
        <v>142254</v>
      </c>
      <c r="W38" s="58" t="s">
        <v>15</v>
      </c>
      <c r="X38" s="59" t="s">
        <v>15</v>
      </c>
      <c r="Y38" s="56">
        <v>142254</v>
      </c>
      <c r="Z38" s="55">
        <v>0</v>
      </c>
      <c r="AA38" s="136">
        <v>0</v>
      </c>
      <c r="AB38" s="136">
        <v>0</v>
      </c>
      <c r="AC38" s="53">
        <v>0</v>
      </c>
      <c r="AD38" s="136">
        <v>0</v>
      </c>
      <c r="AE38" s="136">
        <v>0</v>
      </c>
      <c r="AF38" s="136">
        <v>0</v>
      </c>
      <c r="AG38" s="59">
        <v>0</v>
      </c>
      <c r="AH38" s="124">
        <v>142254</v>
      </c>
      <c r="AI38" s="58" t="s">
        <v>15</v>
      </c>
      <c r="AJ38" s="59" t="s">
        <v>15</v>
      </c>
      <c r="AK38" s="60">
        <v>142254</v>
      </c>
    </row>
    <row r="39" spans="1:37" ht="13.5" customHeight="1" x14ac:dyDescent="0.15">
      <c r="A39" s="51"/>
      <c r="B39" s="52" t="s">
        <v>53</v>
      </c>
      <c r="C39" s="52" t="s">
        <v>110</v>
      </c>
      <c r="D39" s="52"/>
      <c r="E39" s="52"/>
      <c r="F39" s="52"/>
      <c r="G39" s="41">
        <v>136826</v>
      </c>
      <c r="H39" s="53" t="s">
        <v>15</v>
      </c>
      <c r="I39" s="54">
        <v>136826</v>
      </c>
      <c r="J39" s="54" t="s">
        <v>15</v>
      </c>
      <c r="K39" s="57">
        <v>136826</v>
      </c>
      <c r="L39" s="55">
        <v>0</v>
      </c>
      <c r="M39" s="136">
        <v>2121</v>
      </c>
      <c r="N39" s="136">
        <v>0</v>
      </c>
      <c r="O39" s="136">
        <v>1348</v>
      </c>
      <c r="P39" s="136">
        <v>0</v>
      </c>
      <c r="Q39" s="53">
        <v>0</v>
      </c>
      <c r="R39" s="58" t="s">
        <v>15</v>
      </c>
      <c r="S39" s="136" t="s">
        <v>15</v>
      </c>
      <c r="T39" s="136" t="s">
        <v>15</v>
      </c>
      <c r="U39" s="59" t="s">
        <v>15</v>
      </c>
      <c r="V39" s="56">
        <v>140296</v>
      </c>
      <c r="W39" s="58" t="s">
        <v>15</v>
      </c>
      <c r="X39" s="59" t="s">
        <v>15</v>
      </c>
      <c r="Y39" s="56">
        <v>140296</v>
      </c>
      <c r="Z39" s="55">
        <v>0</v>
      </c>
      <c r="AA39" s="136">
        <v>0</v>
      </c>
      <c r="AB39" s="136">
        <v>0</v>
      </c>
      <c r="AC39" s="53">
        <v>0</v>
      </c>
      <c r="AD39" s="136">
        <v>0</v>
      </c>
      <c r="AE39" s="136">
        <v>0</v>
      </c>
      <c r="AF39" s="136">
        <v>0</v>
      </c>
      <c r="AG39" s="59">
        <v>0</v>
      </c>
      <c r="AH39" s="124">
        <v>140296</v>
      </c>
      <c r="AI39" s="58" t="s">
        <v>15</v>
      </c>
      <c r="AJ39" s="59" t="s">
        <v>15</v>
      </c>
      <c r="AK39" s="60">
        <v>140296</v>
      </c>
    </row>
    <row r="40" spans="1:37" ht="13.5" customHeight="1" thickBot="1" x14ac:dyDescent="0.2">
      <c r="A40" s="81"/>
      <c r="B40" s="82"/>
      <c r="C40" s="82" t="s">
        <v>34</v>
      </c>
      <c r="D40" s="82"/>
      <c r="E40" s="82"/>
      <c r="F40" s="82"/>
      <c r="G40" s="83" t="s">
        <v>15</v>
      </c>
      <c r="H40" s="84" t="s">
        <v>15</v>
      </c>
      <c r="I40" s="85" t="s">
        <v>15</v>
      </c>
      <c r="J40" s="85" t="s">
        <v>15</v>
      </c>
      <c r="K40" s="88" t="s">
        <v>15</v>
      </c>
      <c r="L40" s="86">
        <v>0</v>
      </c>
      <c r="M40" s="138">
        <v>0</v>
      </c>
      <c r="N40" s="138">
        <v>0</v>
      </c>
      <c r="O40" s="138">
        <v>1957</v>
      </c>
      <c r="P40" s="138">
        <v>0</v>
      </c>
      <c r="Q40" s="84">
        <v>0</v>
      </c>
      <c r="R40" s="83" t="s">
        <v>15</v>
      </c>
      <c r="S40" s="138" t="s">
        <v>15</v>
      </c>
      <c r="T40" s="138" t="s">
        <v>15</v>
      </c>
      <c r="U40" s="89" t="s">
        <v>15</v>
      </c>
      <c r="V40" s="87">
        <v>1957</v>
      </c>
      <c r="W40" s="83" t="s">
        <v>15</v>
      </c>
      <c r="X40" s="89" t="s">
        <v>15</v>
      </c>
      <c r="Y40" s="87">
        <v>1957</v>
      </c>
      <c r="Z40" s="86">
        <v>0</v>
      </c>
      <c r="AA40" s="138">
        <v>0</v>
      </c>
      <c r="AB40" s="138">
        <v>0</v>
      </c>
      <c r="AC40" s="84">
        <v>0</v>
      </c>
      <c r="AD40" s="138">
        <v>0</v>
      </c>
      <c r="AE40" s="138">
        <v>0</v>
      </c>
      <c r="AF40" s="138">
        <v>0</v>
      </c>
      <c r="AG40" s="89">
        <v>0</v>
      </c>
      <c r="AH40" s="126">
        <v>1957</v>
      </c>
      <c r="AI40" s="83" t="s">
        <v>15</v>
      </c>
      <c r="AJ40" s="89" t="s">
        <v>15</v>
      </c>
      <c r="AK40" s="90">
        <v>1957</v>
      </c>
    </row>
  </sheetData>
  <mergeCells count="30">
    <mergeCell ref="L4:Q4"/>
    <mergeCell ref="R4:U4"/>
    <mergeCell ref="Z3:AC3"/>
    <mergeCell ref="AD3:AG3"/>
    <mergeCell ref="AJ3:AJ5"/>
    <mergeCell ref="AK3:AK5"/>
    <mergeCell ref="Z4:Z5"/>
    <mergeCell ref="H3:H5"/>
    <mergeCell ref="AA4:AA5"/>
    <mergeCell ref="AB4:AB5"/>
    <mergeCell ref="AC4:AC5"/>
    <mergeCell ref="AD4:AD5"/>
    <mergeCell ref="V3:V5"/>
    <mergeCell ref="W3:W5"/>
    <mergeCell ref="X3:X5"/>
    <mergeCell ref="Y3:Y5"/>
    <mergeCell ref="AH3:AH5"/>
    <mergeCell ref="AI3:AI5"/>
    <mergeCell ref="AE4:AE5"/>
    <mergeCell ref="AF4:AF5"/>
    <mergeCell ref="AG4:AG5"/>
    <mergeCell ref="A2:E5"/>
    <mergeCell ref="G2:K2"/>
    <mergeCell ref="L2:Y2"/>
    <mergeCell ref="Z2:AK2"/>
    <mergeCell ref="G3:G5"/>
    <mergeCell ref="I3:I5"/>
    <mergeCell ref="J3:J5"/>
    <mergeCell ref="K3:K5"/>
    <mergeCell ref="L3:U3"/>
  </mergeCells>
  <phoneticPr fontId="2"/>
  <printOptions horizontalCentered="1"/>
  <pageMargins left="0.19685039370078741" right="0.19685039370078741" top="0.39370078740157477" bottom="0.39370078740157477" header="0.51181102362204722" footer="0.51181102362204722"/>
  <pageSetup paperSize="8" scale="30" orientation="landscape" r:id="rId1"/>
  <headerFooter alignWithMargins="0"/>
  <colBreaks count="2" manualBreakCount="2">
    <brk id="1" max="1048575" man="1"/>
    <brk id="2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>
    <pageSetUpPr fitToPage="1"/>
  </sheetPr>
  <dimension ref="A1:AK24"/>
  <sheetViews>
    <sheetView zoomScale="85" zoomScaleNormal="85" zoomScaleSheetLayoutView="55" workbookViewId="0">
      <selection activeCell="X16" sqref="X16"/>
    </sheetView>
  </sheetViews>
  <sheetFormatPr defaultRowHeight="13.5" x14ac:dyDescent="0.15"/>
  <cols>
    <col min="1" max="5" width="1.75" style="1" customWidth="1"/>
    <col min="6" max="6" width="19.375" style="1" customWidth="1"/>
    <col min="7" max="37" width="21.625" style="1" customWidth="1"/>
    <col min="38" max="16384" width="9" style="1"/>
  </cols>
  <sheetData>
    <row r="1" spans="1:37" ht="14.25" customHeight="1" thickBot="1" x14ac:dyDescent="0.2">
      <c r="A1" s="2" t="s">
        <v>111</v>
      </c>
      <c r="B1" s="2"/>
      <c r="C1" s="2"/>
      <c r="D1" s="2"/>
      <c r="E1" s="2"/>
      <c r="AH1" s="3"/>
      <c r="AI1" s="3"/>
      <c r="AJ1" s="3"/>
      <c r="AK1" s="3" t="s">
        <v>195</v>
      </c>
    </row>
    <row r="2" spans="1:37" x14ac:dyDescent="0.15">
      <c r="A2" s="4" t="s">
        <v>1</v>
      </c>
      <c r="B2" s="5"/>
      <c r="C2" s="5"/>
      <c r="D2" s="5"/>
      <c r="E2" s="5"/>
      <c r="F2" s="6"/>
      <c r="G2" s="7" t="s">
        <v>2</v>
      </c>
      <c r="H2" s="8"/>
      <c r="I2" s="8"/>
      <c r="J2" s="8"/>
      <c r="K2" s="9"/>
      <c r="L2" s="10" t="s">
        <v>3</v>
      </c>
      <c r="M2" s="8"/>
      <c r="N2" s="8"/>
      <c r="O2" s="8"/>
      <c r="P2" s="8"/>
      <c r="Q2" s="8"/>
      <c r="R2" s="8"/>
      <c r="S2" s="8"/>
      <c r="T2" s="8"/>
      <c r="U2" s="8"/>
      <c r="V2" s="8"/>
      <c r="W2" s="8"/>
      <c r="X2" s="8"/>
      <c r="Y2" s="9"/>
      <c r="Z2" s="155" t="s">
        <v>4</v>
      </c>
      <c r="AA2" s="156"/>
      <c r="AB2" s="156"/>
      <c r="AC2" s="156"/>
      <c r="AD2" s="156"/>
      <c r="AE2" s="156"/>
      <c r="AF2" s="156"/>
      <c r="AG2" s="156"/>
      <c r="AH2" s="8"/>
      <c r="AI2" s="8"/>
      <c r="AJ2" s="8"/>
      <c r="AK2" s="11"/>
    </row>
    <row r="3" spans="1:37" s="12" customFormat="1" x14ac:dyDescent="0.15">
      <c r="A3" s="13"/>
      <c r="B3" s="14"/>
      <c r="C3" s="14"/>
      <c r="D3" s="14"/>
      <c r="E3" s="14"/>
      <c r="F3" s="15"/>
      <c r="G3" s="16" t="s">
        <v>172</v>
      </c>
      <c r="H3" s="17" t="s">
        <v>173</v>
      </c>
      <c r="I3" s="18" t="s">
        <v>5</v>
      </c>
      <c r="J3" s="18" t="s">
        <v>6</v>
      </c>
      <c r="K3" s="19" t="s">
        <v>7</v>
      </c>
      <c r="L3" s="154" t="s">
        <v>8</v>
      </c>
      <c r="M3" s="142"/>
      <c r="N3" s="142"/>
      <c r="O3" s="142"/>
      <c r="P3" s="142"/>
      <c r="Q3" s="142"/>
      <c r="R3" s="142"/>
      <c r="S3" s="142"/>
      <c r="T3" s="142"/>
      <c r="U3" s="142"/>
      <c r="V3" s="18" t="s">
        <v>5</v>
      </c>
      <c r="W3" s="16" t="s">
        <v>9</v>
      </c>
      <c r="X3" s="20" t="s">
        <v>6</v>
      </c>
      <c r="Y3" s="142" t="s">
        <v>7</v>
      </c>
      <c r="Z3" s="131" t="s">
        <v>185</v>
      </c>
      <c r="AA3" s="132"/>
      <c r="AB3" s="132"/>
      <c r="AC3" s="139"/>
      <c r="AD3" s="132"/>
      <c r="AE3" s="132"/>
      <c r="AF3" s="132"/>
      <c r="AG3" s="133"/>
      <c r="AH3" s="20" t="s">
        <v>5</v>
      </c>
      <c r="AI3" s="16" t="s">
        <v>9</v>
      </c>
      <c r="AJ3" s="20" t="s">
        <v>6</v>
      </c>
      <c r="AK3" s="21" t="s">
        <v>7</v>
      </c>
    </row>
    <row r="4" spans="1:37" s="12" customFormat="1" ht="13.5" customHeight="1" x14ac:dyDescent="0.15">
      <c r="A4" s="13"/>
      <c r="B4" s="14"/>
      <c r="C4" s="14"/>
      <c r="D4" s="14"/>
      <c r="E4" s="14"/>
      <c r="F4" s="15"/>
      <c r="G4" s="22"/>
      <c r="H4" s="23"/>
      <c r="I4" s="24"/>
      <c r="J4" s="24"/>
      <c r="K4" s="127"/>
      <c r="L4" s="131" t="s">
        <v>174</v>
      </c>
      <c r="M4" s="132"/>
      <c r="N4" s="132"/>
      <c r="O4" s="132"/>
      <c r="P4" s="132"/>
      <c r="Q4" s="139"/>
      <c r="R4" s="140" t="s">
        <v>34</v>
      </c>
      <c r="S4" s="132"/>
      <c r="T4" s="132"/>
      <c r="U4" s="133"/>
      <c r="V4" s="25"/>
      <c r="W4" s="22"/>
      <c r="X4" s="25"/>
      <c r="Y4" s="143"/>
      <c r="Z4" s="26" t="s">
        <v>186</v>
      </c>
      <c r="AA4" s="147" t="s">
        <v>187</v>
      </c>
      <c r="AB4" s="147" t="s">
        <v>188</v>
      </c>
      <c r="AC4" s="17" t="s">
        <v>192</v>
      </c>
      <c r="AD4" s="147" t="s">
        <v>189</v>
      </c>
      <c r="AE4" s="147" t="s">
        <v>190</v>
      </c>
      <c r="AF4" s="147" t="s">
        <v>191</v>
      </c>
      <c r="AG4" s="27" t="s">
        <v>192</v>
      </c>
      <c r="AH4" s="25"/>
      <c r="AI4" s="22"/>
      <c r="AJ4" s="25"/>
      <c r="AK4" s="28"/>
    </row>
    <row r="5" spans="1:37" s="12" customFormat="1" ht="27" x14ac:dyDescent="0.15">
      <c r="A5" s="29"/>
      <c r="B5" s="30"/>
      <c r="C5" s="30"/>
      <c r="D5" s="30"/>
      <c r="E5" s="30"/>
      <c r="F5" s="31"/>
      <c r="G5" s="32"/>
      <c r="H5" s="33"/>
      <c r="I5" s="34"/>
      <c r="J5" s="34"/>
      <c r="K5" s="128"/>
      <c r="L5" s="35" t="s">
        <v>175</v>
      </c>
      <c r="M5" s="134" t="s">
        <v>176</v>
      </c>
      <c r="N5" s="134" t="s">
        <v>177</v>
      </c>
      <c r="O5" s="134" t="s">
        <v>178</v>
      </c>
      <c r="P5" s="134" t="s">
        <v>179</v>
      </c>
      <c r="Q5" s="122" t="s">
        <v>180</v>
      </c>
      <c r="R5" s="141" t="s">
        <v>181</v>
      </c>
      <c r="S5" s="134" t="s">
        <v>182</v>
      </c>
      <c r="T5" s="134" t="s">
        <v>183</v>
      </c>
      <c r="U5" s="121" t="s">
        <v>184</v>
      </c>
      <c r="V5" s="36"/>
      <c r="W5" s="32"/>
      <c r="X5" s="36"/>
      <c r="Y5" s="144"/>
      <c r="Z5" s="37"/>
      <c r="AA5" s="148"/>
      <c r="AB5" s="148"/>
      <c r="AC5" s="33"/>
      <c r="AD5" s="148"/>
      <c r="AE5" s="148"/>
      <c r="AF5" s="148"/>
      <c r="AG5" s="38"/>
      <c r="AH5" s="36"/>
      <c r="AI5" s="32"/>
      <c r="AJ5" s="36"/>
      <c r="AK5" s="39"/>
    </row>
    <row r="6" spans="1:37" ht="13.5" customHeight="1" x14ac:dyDescent="0.15">
      <c r="A6" s="40" t="s">
        <v>112</v>
      </c>
      <c r="B6" s="2"/>
      <c r="C6" s="2"/>
      <c r="D6" s="2"/>
      <c r="E6" s="2"/>
      <c r="F6" s="2"/>
      <c r="G6" s="41">
        <v>315722821</v>
      </c>
      <c r="H6" s="42">
        <v>13948</v>
      </c>
      <c r="I6" s="43">
        <v>315736769</v>
      </c>
      <c r="J6" s="43" t="s">
        <v>15</v>
      </c>
      <c r="K6" s="79">
        <v>315736769</v>
      </c>
      <c r="L6" s="44">
        <v>2270603</v>
      </c>
      <c r="M6" s="135">
        <v>14144228</v>
      </c>
      <c r="N6" s="135">
        <v>2122812</v>
      </c>
      <c r="O6" s="135">
        <v>14508775</v>
      </c>
      <c r="P6" s="135">
        <v>-78634</v>
      </c>
      <c r="Q6" s="42">
        <v>1167937</v>
      </c>
      <c r="R6" s="41">
        <v>2825623</v>
      </c>
      <c r="S6" s="135">
        <v>7017</v>
      </c>
      <c r="T6" s="135">
        <v>1371959</v>
      </c>
      <c r="U6" s="80">
        <v>11611</v>
      </c>
      <c r="V6" s="117">
        <v>354088702</v>
      </c>
      <c r="W6" s="47" t="s">
        <v>15</v>
      </c>
      <c r="X6" s="48">
        <v>-228754</v>
      </c>
      <c r="Y6" s="117">
        <v>353859947</v>
      </c>
      <c r="Z6" s="44">
        <v>4882492</v>
      </c>
      <c r="AA6" s="135">
        <v>1048028</v>
      </c>
      <c r="AB6" s="135">
        <v>51559</v>
      </c>
      <c r="AC6" s="42">
        <v>5982079</v>
      </c>
      <c r="AD6" s="135">
        <v>278075</v>
      </c>
      <c r="AE6" s="135">
        <v>595684</v>
      </c>
      <c r="AF6" s="135">
        <v>654300</v>
      </c>
      <c r="AG6" s="80">
        <v>1528059</v>
      </c>
      <c r="AH6" s="149">
        <v>361370085</v>
      </c>
      <c r="AI6" s="47" t="s">
        <v>15</v>
      </c>
      <c r="AJ6" s="48">
        <v>-588950</v>
      </c>
      <c r="AK6" s="50">
        <v>360781135</v>
      </c>
    </row>
    <row r="7" spans="1:37" ht="13.5" customHeight="1" x14ac:dyDescent="0.15">
      <c r="A7" s="51"/>
      <c r="B7" s="52" t="s">
        <v>113</v>
      </c>
      <c r="C7" s="52"/>
      <c r="D7" s="52"/>
      <c r="E7" s="52"/>
      <c r="F7" s="52"/>
      <c r="G7" s="41">
        <v>-58025197</v>
      </c>
      <c r="H7" s="53">
        <v>-10416</v>
      </c>
      <c r="I7" s="54">
        <v>-58035613</v>
      </c>
      <c r="J7" s="54">
        <v>10681</v>
      </c>
      <c r="K7" s="57">
        <v>-58024931</v>
      </c>
      <c r="L7" s="55">
        <v>-1259691</v>
      </c>
      <c r="M7" s="136">
        <v>-17234</v>
      </c>
      <c r="N7" s="136">
        <v>40738</v>
      </c>
      <c r="O7" s="136">
        <v>-1862351</v>
      </c>
      <c r="P7" s="136">
        <v>-196163</v>
      </c>
      <c r="Q7" s="53">
        <v>98511</v>
      </c>
      <c r="R7" s="58">
        <v>-23291069</v>
      </c>
      <c r="S7" s="136">
        <v>-2638410</v>
      </c>
      <c r="T7" s="136">
        <v>-12807636</v>
      </c>
      <c r="U7" s="59">
        <v>-12219</v>
      </c>
      <c r="V7" s="56">
        <v>-99970455</v>
      </c>
      <c r="W7" s="58" t="s">
        <v>15</v>
      </c>
      <c r="X7" s="59">
        <v>9091151</v>
      </c>
      <c r="Y7" s="56">
        <v>-90879304</v>
      </c>
      <c r="Z7" s="55">
        <v>-832670</v>
      </c>
      <c r="AA7" s="136">
        <v>-24188970</v>
      </c>
      <c r="AB7" s="136">
        <v>-14844</v>
      </c>
      <c r="AC7" s="53">
        <v>-25036484</v>
      </c>
      <c r="AD7" s="136">
        <v>-79347</v>
      </c>
      <c r="AE7" s="136">
        <v>-60290</v>
      </c>
      <c r="AF7" s="136">
        <v>7240</v>
      </c>
      <c r="AG7" s="59">
        <v>-132397</v>
      </c>
      <c r="AH7" s="124">
        <v>-116048185</v>
      </c>
      <c r="AI7" s="58" t="s">
        <v>15</v>
      </c>
      <c r="AJ7" s="59">
        <v>5176770</v>
      </c>
      <c r="AK7" s="60">
        <v>-110871416</v>
      </c>
    </row>
    <row r="8" spans="1:37" ht="13.5" customHeight="1" x14ac:dyDescent="0.15">
      <c r="A8" s="51"/>
      <c r="B8" s="52" t="s">
        <v>114</v>
      </c>
      <c r="C8" s="52"/>
      <c r="D8" s="52"/>
      <c r="E8" s="52"/>
      <c r="F8" s="52"/>
      <c r="G8" s="41">
        <v>59510533</v>
      </c>
      <c r="H8" s="53">
        <v>10681</v>
      </c>
      <c r="I8" s="54">
        <v>59521214</v>
      </c>
      <c r="J8" s="54">
        <v>-10681</v>
      </c>
      <c r="K8" s="57">
        <v>59510533</v>
      </c>
      <c r="L8" s="55">
        <v>1155275</v>
      </c>
      <c r="M8" s="136">
        <v>358230</v>
      </c>
      <c r="N8" s="136">
        <v>26516</v>
      </c>
      <c r="O8" s="136">
        <v>2243838</v>
      </c>
      <c r="P8" s="136">
        <v>212337</v>
      </c>
      <c r="Q8" s="53">
        <v>336</v>
      </c>
      <c r="R8" s="58">
        <v>23886792</v>
      </c>
      <c r="S8" s="136">
        <v>2637947</v>
      </c>
      <c r="T8" s="136">
        <v>12522090</v>
      </c>
      <c r="U8" s="59">
        <v>11684</v>
      </c>
      <c r="V8" s="56">
        <v>102565575</v>
      </c>
      <c r="W8" s="58" t="s">
        <v>15</v>
      </c>
      <c r="X8" s="59">
        <v>-8481709</v>
      </c>
      <c r="Y8" s="56">
        <v>94083867</v>
      </c>
      <c r="Z8" s="55">
        <v>709652</v>
      </c>
      <c r="AA8" s="136">
        <v>24054856</v>
      </c>
      <c r="AB8" s="136">
        <v>13781</v>
      </c>
      <c r="AC8" s="53">
        <v>24778289</v>
      </c>
      <c r="AD8" s="136">
        <v>96635</v>
      </c>
      <c r="AE8" s="136">
        <v>51910</v>
      </c>
      <c r="AF8" s="136">
        <v>0</v>
      </c>
      <c r="AG8" s="59">
        <v>148545</v>
      </c>
      <c r="AH8" s="124">
        <v>119010701</v>
      </c>
      <c r="AI8" s="58">
        <v>0</v>
      </c>
      <c r="AJ8" s="59">
        <v>-5195669</v>
      </c>
      <c r="AK8" s="60">
        <v>113815031</v>
      </c>
    </row>
    <row r="9" spans="1:37" ht="13.5" customHeight="1" x14ac:dyDescent="0.15">
      <c r="A9" s="51"/>
      <c r="B9" s="52"/>
      <c r="C9" s="52" t="s">
        <v>115</v>
      </c>
      <c r="D9" s="52"/>
      <c r="E9" s="52"/>
      <c r="F9" s="52"/>
      <c r="G9" s="41">
        <v>42304319</v>
      </c>
      <c r="H9" s="53">
        <v>10681</v>
      </c>
      <c r="I9" s="54">
        <v>42315000</v>
      </c>
      <c r="J9" s="54">
        <v>-10681</v>
      </c>
      <c r="K9" s="57">
        <v>42304319</v>
      </c>
      <c r="L9" s="55">
        <v>1137633</v>
      </c>
      <c r="M9" s="136">
        <v>101894</v>
      </c>
      <c r="N9" s="136">
        <v>979</v>
      </c>
      <c r="O9" s="136">
        <v>1732934</v>
      </c>
      <c r="P9" s="136">
        <v>209210</v>
      </c>
      <c r="Q9" s="53">
        <v>336</v>
      </c>
      <c r="R9" s="58">
        <v>17934813</v>
      </c>
      <c r="S9" s="136">
        <v>2637947</v>
      </c>
      <c r="T9" s="136">
        <v>7937866</v>
      </c>
      <c r="U9" s="59">
        <v>11530</v>
      </c>
      <c r="V9" s="56">
        <v>74009460</v>
      </c>
      <c r="W9" s="58" t="s">
        <v>15</v>
      </c>
      <c r="X9" s="59">
        <v>-8481709</v>
      </c>
      <c r="Y9" s="56">
        <v>65527751</v>
      </c>
      <c r="Z9" s="55">
        <v>709652</v>
      </c>
      <c r="AA9" s="136">
        <v>14169337</v>
      </c>
      <c r="AB9" s="136">
        <v>13781</v>
      </c>
      <c r="AC9" s="53">
        <v>14892770</v>
      </c>
      <c r="AD9" s="136">
        <v>74360</v>
      </c>
      <c r="AE9" s="136">
        <v>51910</v>
      </c>
      <c r="AF9" s="136">
        <v>0</v>
      </c>
      <c r="AG9" s="59">
        <v>126270</v>
      </c>
      <c r="AH9" s="124">
        <v>80546791</v>
      </c>
      <c r="AI9" s="58">
        <v>0</v>
      </c>
      <c r="AJ9" s="59">
        <v>-5195669</v>
      </c>
      <c r="AK9" s="60">
        <v>75351122</v>
      </c>
    </row>
    <row r="10" spans="1:37" ht="13.5" customHeight="1" x14ac:dyDescent="0.15">
      <c r="A10" s="51"/>
      <c r="B10" s="52"/>
      <c r="C10" s="52" t="s">
        <v>116</v>
      </c>
      <c r="D10" s="52"/>
      <c r="E10" s="52"/>
      <c r="F10" s="52"/>
      <c r="G10" s="41">
        <v>17206214</v>
      </c>
      <c r="H10" s="53" t="s">
        <v>15</v>
      </c>
      <c r="I10" s="54">
        <v>17206214</v>
      </c>
      <c r="J10" s="54" t="s">
        <v>15</v>
      </c>
      <c r="K10" s="57">
        <v>17206214</v>
      </c>
      <c r="L10" s="55">
        <v>17642</v>
      </c>
      <c r="M10" s="136">
        <v>256336</v>
      </c>
      <c r="N10" s="136">
        <v>25537</v>
      </c>
      <c r="O10" s="136">
        <v>510904</v>
      </c>
      <c r="P10" s="136">
        <v>3127</v>
      </c>
      <c r="Q10" s="53">
        <v>0</v>
      </c>
      <c r="R10" s="58">
        <v>5951979</v>
      </c>
      <c r="S10" s="136" t="s">
        <v>15</v>
      </c>
      <c r="T10" s="136">
        <v>4584224</v>
      </c>
      <c r="U10" s="59">
        <v>154</v>
      </c>
      <c r="V10" s="56">
        <v>28556116</v>
      </c>
      <c r="W10" s="58" t="s">
        <v>15</v>
      </c>
      <c r="X10" s="59" t="s">
        <v>15</v>
      </c>
      <c r="Y10" s="56">
        <v>28556116</v>
      </c>
      <c r="Z10" s="55">
        <v>0</v>
      </c>
      <c r="AA10" s="136">
        <v>9885519</v>
      </c>
      <c r="AB10" s="136">
        <v>0</v>
      </c>
      <c r="AC10" s="53">
        <v>9885519</v>
      </c>
      <c r="AD10" s="136">
        <v>22275</v>
      </c>
      <c r="AE10" s="136">
        <v>0</v>
      </c>
      <c r="AF10" s="136">
        <v>0</v>
      </c>
      <c r="AG10" s="59">
        <v>22275</v>
      </c>
      <c r="AH10" s="124">
        <v>38463909</v>
      </c>
      <c r="AI10" s="58" t="s">
        <v>15</v>
      </c>
      <c r="AJ10" s="59" t="s">
        <v>15</v>
      </c>
      <c r="AK10" s="60">
        <v>38463909</v>
      </c>
    </row>
    <row r="11" spans="1:37" ht="13.5" customHeight="1" x14ac:dyDescent="0.15">
      <c r="A11" s="40"/>
      <c r="B11" s="2" t="s">
        <v>117</v>
      </c>
      <c r="C11" s="2"/>
      <c r="D11" s="2"/>
      <c r="E11" s="2"/>
      <c r="F11" s="2"/>
      <c r="G11" s="41">
        <v>1485336</v>
      </c>
      <c r="H11" s="53">
        <v>265</v>
      </c>
      <c r="I11" s="54">
        <v>1485601</v>
      </c>
      <c r="J11" s="54">
        <v>0</v>
      </c>
      <c r="K11" s="57">
        <v>1485601</v>
      </c>
      <c r="L11" s="55">
        <v>-104416</v>
      </c>
      <c r="M11" s="136">
        <v>340996</v>
      </c>
      <c r="N11" s="136">
        <v>67254</v>
      </c>
      <c r="O11" s="136">
        <v>381487</v>
      </c>
      <c r="P11" s="136">
        <v>16174</v>
      </c>
      <c r="Q11" s="53">
        <v>98847</v>
      </c>
      <c r="R11" s="58">
        <v>595722</v>
      </c>
      <c r="S11" s="136">
        <v>-463</v>
      </c>
      <c r="T11" s="136">
        <v>-285546</v>
      </c>
      <c r="U11" s="59">
        <v>-536</v>
      </c>
      <c r="V11" s="56">
        <v>2595120</v>
      </c>
      <c r="W11" s="58" t="s">
        <v>15</v>
      </c>
      <c r="X11" s="59">
        <v>609443</v>
      </c>
      <c r="Y11" s="56">
        <v>3204563</v>
      </c>
      <c r="Z11" s="55">
        <v>-123018</v>
      </c>
      <c r="AA11" s="136">
        <v>-134114</v>
      </c>
      <c r="AB11" s="136">
        <v>-1063</v>
      </c>
      <c r="AC11" s="53">
        <v>-258196</v>
      </c>
      <c r="AD11" s="136">
        <v>17288</v>
      </c>
      <c r="AE11" s="136">
        <v>-8380</v>
      </c>
      <c r="AF11" s="136">
        <v>7240</v>
      </c>
      <c r="AG11" s="59">
        <v>16148</v>
      </c>
      <c r="AH11" s="124">
        <v>2962515</v>
      </c>
      <c r="AI11" s="58">
        <v>0</v>
      </c>
      <c r="AJ11" s="59">
        <v>-18900</v>
      </c>
      <c r="AK11" s="60">
        <v>2943616</v>
      </c>
    </row>
    <row r="12" spans="1:37" ht="13.5" customHeight="1" x14ac:dyDescent="0.15">
      <c r="A12" s="51"/>
      <c r="B12" s="52" t="s">
        <v>118</v>
      </c>
      <c r="C12" s="52"/>
      <c r="D12" s="52"/>
      <c r="E12" s="52"/>
      <c r="F12" s="52"/>
      <c r="G12" s="41">
        <v>0</v>
      </c>
      <c r="H12" s="53" t="s">
        <v>15</v>
      </c>
      <c r="I12" s="54">
        <v>0</v>
      </c>
      <c r="J12" s="54" t="s">
        <v>15</v>
      </c>
      <c r="K12" s="57">
        <v>0</v>
      </c>
      <c r="L12" s="55">
        <v>0</v>
      </c>
      <c r="M12" s="136">
        <v>0</v>
      </c>
      <c r="N12" s="136">
        <v>0</v>
      </c>
      <c r="O12" s="136">
        <v>0</v>
      </c>
      <c r="P12" s="136">
        <v>0</v>
      </c>
      <c r="Q12" s="53">
        <v>0</v>
      </c>
      <c r="R12" s="58">
        <v>0</v>
      </c>
      <c r="S12" s="136">
        <v>0</v>
      </c>
      <c r="T12" s="136">
        <v>0</v>
      </c>
      <c r="U12" s="59">
        <v>0</v>
      </c>
      <c r="V12" s="56">
        <v>0</v>
      </c>
      <c r="W12" s="58" t="s">
        <v>15</v>
      </c>
      <c r="X12" s="59">
        <v>0</v>
      </c>
      <c r="Y12" s="56">
        <v>0</v>
      </c>
      <c r="Z12" s="55">
        <v>0</v>
      </c>
      <c r="AA12" s="136">
        <v>0</v>
      </c>
      <c r="AB12" s="136">
        <v>0</v>
      </c>
      <c r="AC12" s="53">
        <v>0</v>
      </c>
      <c r="AD12" s="136">
        <v>0</v>
      </c>
      <c r="AE12" s="136">
        <v>0</v>
      </c>
      <c r="AF12" s="136">
        <v>0</v>
      </c>
      <c r="AG12" s="59">
        <v>0</v>
      </c>
      <c r="AH12" s="124">
        <v>0</v>
      </c>
      <c r="AI12" s="58">
        <v>0</v>
      </c>
      <c r="AJ12" s="59" t="s">
        <v>15</v>
      </c>
      <c r="AK12" s="60">
        <v>0</v>
      </c>
    </row>
    <row r="13" spans="1:37" ht="13.5" customHeight="1" x14ac:dyDescent="0.15">
      <c r="A13" s="40"/>
      <c r="B13" s="2"/>
      <c r="C13" s="2" t="s">
        <v>119</v>
      </c>
      <c r="D13" s="2"/>
      <c r="E13" s="2"/>
      <c r="F13" s="2"/>
      <c r="G13" s="41">
        <v>0</v>
      </c>
      <c r="H13" s="53" t="s">
        <v>15</v>
      </c>
      <c r="I13" s="54">
        <v>0</v>
      </c>
      <c r="J13" s="54" t="s">
        <v>15</v>
      </c>
      <c r="K13" s="57">
        <v>0</v>
      </c>
      <c r="L13" s="55">
        <v>0</v>
      </c>
      <c r="M13" s="136" t="s">
        <v>15</v>
      </c>
      <c r="N13" s="136">
        <v>0</v>
      </c>
      <c r="O13" s="136" t="s">
        <v>15</v>
      </c>
      <c r="P13" s="136" t="s">
        <v>15</v>
      </c>
      <c r="Q13" s="53" t="s">
        <v>15</v>
      </c>
      <c r="R13" s="58">
        <v>0</v>
      </c>
      <c r="S13" s="136" t="s">
        <v>15</v>
      </c>
      <c r="T13" s="136" t="s">
        <v>15</v>
      </c>
      <c r="U13" s="59" t="s">
        <v>15</v>
      </c>
      <c r="V13" s="56">
        <v>0</v>
      </c>
      <c r="W13" s="58" t="s">
        <v>15</v>
      </c>
      <c r="X13" s="59">
        <v>4806615</v>
      </c>
      <c r="Y13" s="56">
        <v>4806615</v>
      </c>
      <c r="Z13" s="55" t="s">
        <v>15</v>
      </c>
      <c r="AA13" s="136" t="s">
        <v>15</v>
      </c>
      <c r="AB13" s="136">
        <v>0</v>
      </c>
      <c r="AC13" s="53">
        <v>0</v>
      </c>
      <c r="AD13" s="136">
        <v>0</v>
      </c>
      <c r="AE13" s="136" t="s">
        <v>15</v>
      </c>
      <c r="AF13" s="136">
        <v>0</v>
      </c>
      <c r="AG13" s="59">
        <v>0</v>
      </c>
      <c r="AH13" s="124">
        <v>4806615</v>
      </c>
      <c r="AI13" s="58">
        <v>825894</v>
      </c>
      <c r="AJ13" s="59" t="s">
        <v>15</v>
      </c>
      <c r="AK13" s="60">
        <v>5632509</v>
      </c>
    </row>
    <row r="14" spans="1:37" ht="13.5" customHeight="1" x14ac:dyDescent="0.15">
      <c r="A14" s="51"/>
      <c r="B14" s="52"/>
      <c r="C14" s="52" t="s">
        <v>120</v>
      </c>
      <c r="D14" s="52"/>
      <c r="E14" s="52"/>
      <c r="F14" s="52"/>
      <c r="G14" s="41">
        <v>0</v>
      </c>
      <c r="H14" s="53" t="s">
        <v>15</v>
      </c>
      <c r="I14" s="54">
        <v>0</v>
      </c>
      <c r="J14" s="54" t="s">
        <v>15</v>
      </c>
      <c r="K14" s="57">
        <v>0</v>
      </c>
      <c r="L14" s="55" t="s">
        <v>15</v>
      </c>
      <c r="M14" s="136">
        <v>0</v>
      </c>
      <c r="N14" s="136" t="s">
        <v>15</v>
      </c>
      <c r="O14" s="136">
        <v>0</v>
      </c>
      <c r="P14" s="136">
        <v>0</v>
      </c>
      <c r="Q14" s="53">
        <v>0</v>
      </c>
      <c r="R14" s="58" t="s">
        <v>15</v>
      </c>
      <c r="S14" s="136">
        <v>0</v>
      </c>
      <c r="T14" s="136">
        <v>0</v>
      </c>
      <c r="U14" s="59">
        <v>0</v>
      </c>
      <c r="V14" s="56">
        <v>0</v>
      </c>
      <c r="W14" s="58" t="s">
        <v>15</v>
      </c>
      <c r="X14" s="59">
        <v>-4806615</v>
      </c>
      <c r="Y14" s="56">
        <v>-4806615</v>
      </c>
      <c r="Z14" s="55">
        <v>0</v>
      </c>
      <c r="AA14" s="136">
        <v>0</v>
      </c>
      <c r="AB14" s="136" t="s">
        <v>15</v>
      </c>
      <c r="AC14" s="53">
        <v>0</v>
      </c>
      <c r="AD14" s="136" t="s">
        <v>15</v>
      </c>
      <c r="AE14" s="136">
        <v>0</v>
      </c>
      <c r="AF14" s="136">
        <v>0</v>
      </c>
      <c r="AG14" s="59">
        <v>0</v>
      </c>
      <c r="AH14" s="124">
        <v>-4806615</v>
      </c>
      <c r="AI14" s="58">
        <v>-825894</v>
      </c>
      <c r="AJ14" s="59" t="s">
        <v>15</v>
      </c>
      <c r="AK14" s="60">
        <v>-5632509</v>
      </c>
    </row>
    <row r="15" spans="1:37" ht="13.5" customHeight="1" x14ac:dyDescent="0.15">
      <c r="A15" s="40"/>
      <c r="B15" s="2"/>
      <c r="C15" s="2" t="s">
        <v>121</v>
      </c>
      <c r="D15" s="2"/>
      <c r="E15" s="2"/>
      <c r="F15" s="2"/>
      <c r="G15" s="41">
        <v>0</v>
      </c>
      <c r="H15" s="53" t="s">
        <v>15</v>
      </c>
      <c r="I15" s="54">
        <v>0</v>
      </c>
      <c r="J15" s="54" t="s">
        <v>15</v>
      </c>
      <c r="K15" s="57">
        <v>0</v>
      </c>
      <c r="L15" s="55" t="s">
        <v>15</v>
      </c>
      <c r="M15" s="136" t="s">
        <v>15</v>
      </c>
      <c r="N15" s="136" t="s">
        <v>15</v>
      </c>
      <c r="O15" s="136" t="s">
        <v>15</v>
      </c>
      <c r="P15" s="136" t="s">
        <v>15</v>
      </c>
      <c r="Q15" s="53" t="s">
        <v>15</v>
      </c>
      <c r="R15" s="58" t="s">
        <v>15</v>
      </c>
      <c r="S15" s="136" t="s">
        <v>15</v>
      </c>
      <c r="T15" s="136" t="s">
        <v>15</v>
      </c>
      <c r="U15" s="59" t="s">
        <v>15</v>
      </c>
      <c r="V15" s="56">
        <v>0</v>
      </c>
      <c r="W15" s="58" t="s">
        <v>15</v>
      </c>
      <c r="X15" s="59" t="s">
        <v>15</v>
      </c>
      <c r="Y15" s="56">
        <v>0</v>
      </c>
      <c r="Z15" s="55" t="s">
        <v>15</v>
      </c>
      <c r="AA15" s="136" t="s">
        <v>15</v>
      </c>
      <c r="AB15" s="136" t="s">
        <v>15</v>
      </c>
      <c r="AC15" s="53" t="s">
        <v>15</v>
      </c>
      <c r="AD15" s="136" t="s">
        <v>15</v>
      </c>
      <c r="AE15" s="136" t="s">
        <v>15</v>
      </c>
      <c r="AF15" s="136" t="s">
        <v>15</v>
      </c>
      <c r="AG15" s="59" t="s">
        <v>15</v>
      </c>
      <c r="AH15" s="124">
        <v>0</v>
      </c>
      <c r="AI15" s="58" t="s">
        <v>15</v>
      </c>
      <c r="AJ15" s="59" t="s">
        <v>15</v>
      </c>
      <c r="AK15" s="60">
        <v>0</v>
      </c>
    </row>
    <row r="16" spans="1:37" ht="13.5" customHeight="1" x14ac:dyDescent="0.15">
      <c r="A16" s="51"/>
      <c r="B16" s="52"/>
      <c r="C16" s="52" t="s">
        <v>122</v>
      </c>
      <c r="D16" s="52"/>
      <c r="E16" s="52"/>
      <c r="F16" s="52"/>
      <c r="G16" s="41">
        <v>0</v>
      </c>
      <c r="H16" s="53" t="s">
        <v>15</v>
      </c>
      <c r="I16" s="54">
        <v>0</v>
      </c>
      <c r="J16" s="54" t="s">
        <v>15</v>
      </c>
      <c r="K16" s="57">
        <v>0</v>
      </c>
      <c r="L16" s="55" t="s">
        <v>15</v>
      </c>
      <c r="M16" s="136" t="s">
        <v>15</v>
      </c>
      <c r="N16" s="136" t="s">
        <v>15</v>
      </c>
      <c r="O16" s="136" t="s">
        <v>15</v>
      </c>
      <c r="P16" s="136" t="s">
        <v>15</v>
      </c>
      <c r="Q16" s="53" t="s">
        <v>15</v>
      </c>
      <c r="R16" s="58" t="s">
        <v>15</v>
      </c>
      <c r="S16" s="136" t="s">
        <v>15</v>
      </c>
      <c r="T16" s="136" t="s">
        <v>15</v>
      </c>
      <c r="U16" s="59" t="s">
        <v>15</v>
      </c>
      <c r="V16" s="56">
        <v>0</v>
      </c>
      <c r="W16" s="58" t="s">
        <v>15</v>
      </c>
      <c r="X16" s="59" t="s">
        <v>15</v>
      </c>
      <c r="Y16" s="56">
        <v>0</v>
      </c>
      <c r="Z16" s="55" t="s">
        <v>15</v>
      </c>
      <c r="AA16" s="136" t="s">
        <v>15</v>
      </c>
      <c r="AB16" s="136" t="s">
        <v>15</v>
      </c>
      <c r="AC16" s="53" t="s">
        <v>15</v>
      </c>
      <c r="AD16" s="136" t="s">
        <v>15</v>
      </c>
      <c r="AE16" s="136" t="s">
        <v>15</v>
      </c>
      <c r="AF16" s="136" t="s">
        <v>15</v>
      </c>
      <c r="AG16" s="59" t="s">
        <v>15</v>
      </c>
      <c r="AH16" s="124">
        <v>0</v>
      </c>
      <c r="AI16" s="58" t="s">
        <v>15</v>
      </c>
      <c r="AJ16" s="59" t="s">
        <v>15</v>
      </c>
      <c r="AK16" s="60">
        <v>0</v>
      </c>
    </row>
    <row r="17" spans="1:37" ht="13.5" customHeight="1" x14ac:dyDescent="0.15">
      <c r="A17" s="51"/>
      <c r="B17" s="52" t="s">
        <v>123</v>
      </c>
      <c r="C17" s="52"/>
      <c r="D17" s="52"/>
      <c r="E17" s="52"/>
      <c r="F17" s="52"/>
      <c r="G17" s="41" t="s">
        <v>15</v>
      </c>
      <c r="H17" s="53" t="s">
        <v>15</v>
      </c>
      <c r="I17" s="54" t="s">
        <v>15</v>
      </c>
      <c r="J17" s="54" t="s">
        <v>15</v>
      </c>
      <c r="K17" s="57" t="s">
        <v>15</v>
      </c>
      <c r="L17" s="55">
        <v>0</v>
      </c>
      <c r="M17" s="136">
        <v>0</v>
      </c>
      <c r="N17" s="136">
        <v>0</v>
      </c>
      <c r="O17" s="136">
        <v>0</v>
      </c>
      <c r="P17" s="136">
        <v>0</v>
      </c>
      <c r="Q17" s="53">
        <v>0</v>
      </c>
      <c r="R17" s="58" t="s">
        <v>15</v>
      </c>
      <c r="S17" s="136" t="s">
        <v>15</v>
      </c>
      <c r="T17" s="136" t="s">
        <v>15</v>
      </c>
      <c r="U17" s="59" t="s">
        <v>15</v>
      </c>
      <c r="V17" s="56">
        <v>0</v>
      </c>
      <c r="W17" s="58" t="s">
        <v>15</v>
      </c>
      <c r="X17" s="59" t="s">
        <v>15</v>
      </c>
      <c r="Y17" s="56">
        <v>0</v>
      </c>
      <c r="Z17" s="55">
        <v>0</v>
      </c>
      <c r="AA17" s="136">
        <v>0</v>
      </c>
      <c r="AB17" s="136">
        <v>0</v>
      </c>
      <c r="AC17" s="53">
        <v>0</v>
      </c>
      <c r="AD17" s="136">
        <v>0</v>
      </c>
      <c r="AE17" s="136">
        <v>0</v>
      </c>
      <c r="AF17" s="136">
        <v>0</v>
      </c>
      <c r="AG17" s="59">
        <v>0</v>
      </c>
      <c r="AH17" s="124">
        <v>0</v>
      </c>
      <c r="AI17" s="58" t="s">
        <v>15</v>
      </c>
      <c r="AJ17" s="59" t="s">
        <v>15</v>
      </c>
      <c r="AK17" s="60">
        <v>0</v>
      </c>
    </row>
    <row r="18" spans="1:37" ht="13.5" customHeight="1" x14ac:dyDescent="0.15">
      <c r="A18" s="51"/>
      <c r="B18" s="52" t="s">
        <v>124</v>
      </c>
      <c r="C18" s="52"/>
      <c r="D18" s="52"/>
      <c r="E18" s="52"/>
      <c r="F18" s="52"/>
      <c r="G18" s="41">
        <v>6073241</v>
      </c>
      <c r="H18" s="53" t="s">
        <v>15</v>
      </c>
      <c r="I18" s="54">
        <v>6073241</v>
      </c>
      <c r="J18" s="54" t="s">
        <v>15</v>
      </c>
      <c r="K18" s="57">
        <v>6073241</v>
      </c>
      <c r="L18" s="55">
        <v>3729</v>
      </c>
      <c r="M18" s="136">
        <v>3295</v>
      </c>
      <c r="N18" s="136">
        <v>15</v>
      </c>
      <c r="O18" s="136">
        <v>29858</v>
      </c>
      <c r="P18" s="136">
        <v>1718</v>
      </c>
      <c r="Q18" s="53">
        <v>0</v>
      </c>
      <c r="R18" s="58" t="s">
        <v>15</v>
      </c>
      <c r="S18" s="136" t="s">
        <v>15</v>
      </c>
      <c r="T18" s="136" t="s">
        <v>15</v>
      </c>
      <c r="U18" s="59" t="s">
        <v>15</v>
      </c>
      <c r="V18" s="56">
        <v>6111856</v>
      </c>
      <c r="W18" s="58" t="s">
        <v>15</v>
      </c>
      <c r="X18" s="59" t="s">
        <v>15</v>
      </c>
      <c r="Y18" s="56">
        <v>6111856</v>
      </c>
      <c r="Z18" s="55">
        <v>0</v>
      </c>
      <c r="AA18" s="136">
        <v>0</v>
      </c>
      <c r="AB18" s="136">
        <v>0</v>
      </c>
      <c r="AC18" s="53">
        <v>0</v>
      </c>
      <c r="AD18" s="136">
        <v>0</v>
      </c>
      <c r="AE18" s="136">
        <v>0</v>
      </c>
      <c r="AF18" s="136">
        <v>0</v>
      </c>
      <c r="AG18" s="59">
        <v>0</v>
      </c>
      <c r="AH18" s="124">
        <v>6111856</v>
      </c>
      <c r="AI18" s="58" t="s">
        <v>15</v>
      </c>
      <c r="AJ18" s="59">
        <v>-6065948</v>
      </c>
      <c r="AK18" s="60">
        <v>45908</v>
      </c>
    </row>
    <row r="19" spans="1:37" ht="13.5" customHeight="1" x14ac:dyDescent="0.15">
      <c r="A19" s="51"/>
      <c r="B19" s="52" t="s">
        <v>125</v>
      </c>
      <c r="C19" s="52"/>
      <c r="D19" s="52"/>
      <c r="E19" s="52"/>
      <c r="F19" s="52"/>
      <c r="G19" s="153"/>
      <c r="H19" s="152"/>
      <c r="I19" s="157"/>
      <c r="J19" s="157"/>
      <c r="K19" s="158"/>
      <c r="L19" s="150">
        <v>0</v>
      </c>
      <c r="M19" s="151">
        <v>0</v>
      </c>
      <c r="N19" s="151">
        <v>0</v>
      </c>
      <c r="O19" s="151">
        <v>0</v>
      </c>
      <c r="P19" s="151">
        <v>0</v>
      </c>
      <c r="Q19" s="152">
        <v>0</v>
      </c>
      <c r="R19" s="153"/>
      <c r="S19" s="151"/>
      <c r="T19" s="151"/>
      <c r="U19" s="152"/>
      <c r="V19" s="157">
        <v>0</v>
      </c>
      <c r="W19" s="153"/>
      <c r="X19" s="152"/>
      <c r="Y19" s="158">
        <v>0</v>
      </c>
      <c r="Z19" s="55">
        <v>0</v>
      </c>
      <c r="AA19" s="136">
        <v>0</v>
      </c>
      <c r="AB19" s="136">
        <v>0</v>
      </c>
      <c r="AC19" s="53">
        <v>0</v>
      </c>
      <c r="AD19" s="136">
        <v>0</v>
      </c>
      <c r="AE19" s="136">
        <v>0</v>
      </c>
      <c r="AF19" s="136">
        <v>0</v>
      </c>
      <c r="AG19" s="59">
        <v>0</v>
      </c>
      <c r="AH19" s="124">
        <v>0</v>
      </c>
      <c r="AI19" s="58" t="s">
        <v>15</v>
      </c>
      <c r="AJ19" s="59" t="s">
        <v>15</v>
      </c>
      <c r="AK19" s="60">
        <v>0</v>
      </c>
    </row>
    <row r="20" spans="1:37" ht="13.5" customHeight="1" x14ac:dyDescent="0.15">
      <c r="A20" s="51"/>
      <c r="B20" s="52" t="s">
        <v>126</v>
      </c>
      <c r="C20" s="52"/>
      <c r="D20" s="52"/>
      <c r="E20" s="52"/>
      <c r="F20" s="52"/>
      <c r="G20" s="153"/>
      <c r="H20" s="152"/>
      <c r="I20" s="157"/>
      <c r="J20" s="157"/>
      <c r="K20" s="158"/>
      <c r="L20" s="150">
        <v>0</v>
      </c>
      <c r="M20" s="151">
        <v>0</v>
      </c>
      <c r="N20" s="151">
        <v>0</v>
      </c>
      <c r="O20" s="151">
        <v>0</v>
      </c>
      <c r="P20" s="151">
        <v>0</v>
      </c>
      <c r="Q20" s="152">
        <v>0</v>
      </c>
      <c r="R20" s="153"/>
      <c r="S20" s="151"/>
      <c r="T20" s="151"/>
      <c r="U20" s="152"/>
      <c r="V20" s="157">
        <v>0</v>
      </c>
      <c r="W20" s="153"/>
      <c r="X20" s="152"/>
      <c r="Y20" s="158">
        <v>0</v>
      </c>
      <c r="Z20" s="55">
        <v>0</v>
      </c>
      <c r="AA20" s="136">
        <v>0</v>
      </c>
      <c r="AB20" s="136">
        <v>0</v>
      </c>
      <c r="AC20" s="53">
        <v>0</v>
      </c>
      <c r="AD20" s="136">
        <v>0</v>
      </c>
      <c r="AE20" s="136">
        <v>0</v>
      </c>
      <c r="AF20" s="136">
        <v>0</v>
      </c>
      <c r="AG20" s="59">
        <v>0</v>
      </c>
      <c r="AH20" s="124">
        <v>0</v>
      </c>
      <c r="AI20" s="58" t="s">
        <v>15</v>
      </c>
      <c r="AJ20" s="59" t="s">
        <v>15</v>
      </c>
      <c r="AK20" s="60">
        <v>0</v>
      </c>
    </row>
    <row r="21" spans="1:37" ht="13.5" customHeight="1" x14ac:dyDescent="0.15">
      <c r="A21" s="51"/>
      <c r="B21" s="64" t="s">
        <v>127</v>
      </c>
      <c r="C21" s="52"/>
      <c r="D21" s="52"/>
      <c r="E21" s="52"/>
      <c r="F21" s="52"/>
      <c r="G21" s="153"/>
      <c r="H21" s="152"/>
      <c r="I21" s="157"/>
      <c r="J21" s="157"/>
      <c r="K21" s="158"/>
      <c r="L21" s="150">
        <v>0</v>
      </c>
      <c r="M21" s="151">
        <v>0</v>
      </c>
      <c r="N21" s="151">
        <v>0</v>
      </c>
      <c r="O21" s="151">
        <v>0</v>
      </c>
      <c r="P21" s="151">
        <v>0</v>
      </c>
      <c r="Q21" s="152">
        <v>0</v>
      </c>
      <c r="R21" s="153"/>
      <c r="S21" s="151"/>
      <c r="T21" s="151"/>
      <c r="U21" s="152"/>
      <c r="V21" s="157">
        <v>0</v>
      </c>
      <c r="W21" s="153"/>
      <c r="X21" s="152"/>
      <c r="Y21" s="158">
        <v>0</v>
      </c>
      <c r="Z21" s="55">
        <v>65346</v>
      </c>
      <c r="AA21" s="136">
        <v>19113</v>
      </c>
      <c r="AB21" s="136">
        <v>51</v>
      </c>
      <c r="AC21" s="53">
        <v>84510</v>
      </c>
      <c r="AD21" s="136">
        <v>0</v>
      </c>
      <c r="AE21" s="136">
        <v>0</v>
      </c>
      <c r="AF21" s="136">
        <v>0</v>
      </c>
      <c r="AG21" s="59">
        <v>0</v>
      </c>
      <c r="AH21" s="124">
        <v>84510</v>
      </c>
      <c r="AI21" s="58" t="s">
        <v>15</v>
      </c>
      <c r="AJ21" s="59" t="s">
        <v>15</v>
      </c>
      <c r="AK21" s="60">
        <v>84510</v>
      </c>
    </row>
    <row r="22" spans="1:37" ht="13.5" customHeight="1" x14ac:dyDescent="0.15">
      <c r="A22" s="51"/>
      <c r="B22" s="52" t="s">
        <v>34</v>
      </c>
      <c r="C22" s="52"/>
      <c r="D22" s="52"/>
      <c r="E22" s="52"/>
      <c r="F22" s="52"/>
      <c r="G22" s="41" t="s">
        <v>15</v>
      </c>
      <c r="H22" s="53" t="s">
        <v>15</v>
      </c>
      <c r="I22" s="54" t="s">
        <v>15</v>
      </c>
      <c r="J22" s="54" t="s">
        <v>15</v>
      </c>
      <c r="K22" s="57" t="s">
        <v>15</v>
      </c>
      <c r="L22" s="55">
        <v>237527</v>
      </c>
      <c r="M22" s="136">
        <v>447</v>
      </c>
      <c r="N22" s="136">
        <v>0</v>
      </c>
      <c r="O22" s="136">
        <v>196697</v>
      </c>
      <c r="P22" s="136">
        <v>0</v>
      </c>
      <c r="Q22" s="53">
        <v>0</v>
      </c>
      <c r="R22" s="58" t="s">
        <v>15</v>
      </c>
      <c r="S22" s="136" t="s">
        <v>15</v>
      </c>
      <c r="T22" s="136" t="s">
        <v>15</v>
      </c>
      <c r="U22" s="59" t="s">
        <v>15</v>
      </c>
      <c r="V22" s="56">
        <v>434671</v>
      </c>
      <c r="W22" s="58" t="s">
        <v>15</v>
      </c>
      <c r="X22" s="59">
        <v>-437144</v>
      </c>
      <c r="Y22" s="56">
        <v>-2473</v>
      </c>
      <c r="Z22" s="55">
        <v>0</v>
      </c>
      <c r="AA22" s="136">
        <v>0</v>
      </c>
      <c r="AB22" s="136">
        <v>1576</v>
      </c>
      <c r="AC22" s="53">
        <v>1576</v>
      </c>
      <c r="AD22" s="136">
        <v>110000</v>
      </c>
      <c r="AE22" s="136">
        <v>0</v>
      </c>
      <c r="AF22" s="136">
        <v>-3720</v>
      </c>
      <c r="AG22" s="59">
        <v>106280</v>
      </c>
      <c r="AH22" s="124">
        <v>105383</v>
      </c>
      <c r="AI22" s="58" t="s">
        <v>15</v>
      </c>
      <c r="AJ22" s="59">
        <v>5974847</v>
      </c>
      <c r="AK22" s="60">
        <v>6080230</v>
      </c>
    </row>
    <row r="23" spans="1:37" ht="13.5" customHeight="1" x14ac:dyDescent="0.15">
      <c r="A23" s="67"/>
      <c r="B23" s="68" t="s">
        <v>128</v>
      </c>
      <c r="C23" s="68"/>
      <c r="D23" s="68"/>
      <c r="E23" s="68"/>
      <c r="F23" s="68"/>
      <c r="G23" s="69">
        <v>7558576</v>
      </c>
      <c r="H23" s="70">
        <v>265</v>
      </c>
      <c r="I23" s="71">
        <v>7558842</v>
      </c>
      <c r="J23" s="71">
        <v>0</v>
      </c>
      <c r="K23" s="74">
        <v>7558842</v>
      </c>
      <c r="L23" s="72">
        <v>136840</v>
      </c>
      <c r="M23" s="137">
        <v>344738</v>
      </c>
      <c r="N23" s="137">
        <v>67268</v>
      </c>
      <c r="O23" s="137">
        <v>608042</v>
      </c>
      <c r="P23" s="137">
        <v>17892</v>
      </c>
      <c r="Q23" s="70">
        <v>98847</v>
      </c>
      <c r="R23" s="69">
        <v>595722</v>
      </c>
      <c r="S23" s="137">
        <v>-463</v>
      </c>
      <c r="T23" s="137">
        <v>-285546</v>
      </c>
      <c r="U23" s="75">
        <v>-536</v>
      </c>
      <c r="V23" s="73">
        <v>9141647</v>
      </c>
      <c r="W23" s="69" t="s">
        <v>15</v>
      </c>
      <c r="X23" s="75">
        <v>172299</v>
      </c>
      <c r="Y23" s="73">
        <v>9313946</v>
      </c>
      <c r="Z23" s="72">
        <v>-57672</v>
      </c>
      <c r="AA23" s="137">
        <v>-115001</v>
      </c>
      <c r="AB23" s="137">
        <v>564</v>
      </c>
      <c r="AC23" s="70">
        <v>-172110</v>
      </c>
      <c r="AD23" s="137">
        <v>127288</v>
      </c>
      <c r="AE23" s="137">
        <v>-8380</v>
      </c>
      <c r="AF23" s="137">
        <v>3520</v>
      </c>
      <c r="AG23" s="75">
        <v>122428</v>
      </c>
      <c r="AH23" s="125">
        <v>9264263</v>
      </c>
      <c r="AI23" s="69">
        <v>0</v>
      </c>
      <c r="AJ23" s="75">
        <v>-110000</v>
      </c>
      <c r="AK23" s="76">
        <v>9154263</v>
      </c>
    </row>
    <row r="24" spans="1:37" ht="13.5" customHeight="1" thickBot="1" x14ac:dyDescent="0.2">
      <c r="A24" s="81" t="s">
        <v>129</v>
      </c>
      <c r="B24" s="82"/>
      <c r="C24" s="82"/>
      <c r="D24" s="82"/>
      <c r="E24" s="82"/>
      <c r="F24" s="82"/>
      <c r="G24" s="83">
        <v>323281397</v>
      </c>
      <c r="H24" s="84">
        <v>14213</v>
      </c>
      <c r="I24" s="85">
        <v>323295610</v>
      </c>
      <c r="J24" s="85">
        <v>0</v>
      </c>
      <c r="K24" s="88">
        <v>323295610</v>
      </c>
      <c r="L24" s="86">
        <v>2407444</v>
      </c>
      <c r="M24" s="138">
        <v>14488967</v>
      </c>
      <c r="N24" s="138">
        <v>2190081</v>
      </c>
      <c r="O24" s="138">
        <v>15116817</v>
      </c>
      <c r="P24" s="138">
        <v>-60742</v>
      </c>
      <c r="Q24" s="84">
        <v>1266784</v>
      </c>
      <c r="R24" s="83">
        <v>3421345</v>
      </c>
      <c r="S24" s="138">
        <v>6554</v>
      </c>
      <c r="T24" s="138">
        <v>1086413</v>
      </c>
      <c r="U24" s="89">
        <v>11075</v>
      </c>
      <c r="V24" s="87">
        <v>363230348</v>
      </c>
      <c r="W24" s="83" t="s">
        <v>15</v>
      </c>
      <c r="X24" s="89">
        <v>-56455</v>
      </c>
      <c r="Y24" s="87">
        <v>363173893</v>
      </c>
      <c r="Z24" s="86">
        <v>4824820</v>
      </c>
      <c r="AA24" s="138">
        <v>933027</v>
      </c>
      <c r="AB24" s="138">
        <v>52123</v>
      </c>
      <c r="AC24" s="84">
        <v>5809969</v>
      </c>
      <c r="AD24" s="138">
        <v>405363</v>
      </c>
      <c r="AE24" s="138">
        <v>587303</v>
      </c>
      <c r="AF24" s="138">
        <v>657820</v>
      </c>
      <c r="AG24" s="89">
        <v>1650486</v>
      </c>
      <c r="AH24" s="126">
        <v>370634349</v>
      </c>
      <c r="AI24" s="83">
        <v>0</v>
      </c>
      <c r="AJ24" s="89">
        <v>-698950</v>
      </c>
      <c r="AK24" s="90">
        <v>369935399</v>
      </c>
    </row>
  </sheetData>
  <mergeCells count="30">
    <mergeCell ref="L4:Q4"/>
    <mergeCell ref="R4:U4"/>
    <mergeCell ref="Z3:AC3"/>
    <mergeCell ref="AD3:AG3"/>
    <mergeCell ref="AJ3:AJ5"/>
    <mergeCell ref="AK3:AK5"/>
    <mergeCell ref="Z4:Z5"/>
    <mergeCell ref="H3:H5"/>
    <mergeCell ref="AA4:AA5"/>
    <mergeCell ref="AB4:AB5"/>
    <mergeCell ref="AC4:AC5"/>
    <mergeCell ref="AD4:AD5"/>
    <mergeCell ref="V3:V5"/>
    <mergeCell ref="W3:W5"/>
    <mergeCell ref="X3:X5"/>
    <mergeCell ref="Y3:Y5"/>
    <mergeCell ref="AH3:AH5"/>
    <mergeCell ref="AI3:AI5"/>
    <mergeCell ref="AE4:AE5"/>
    <mergeCell ref="AF4:AF5"/>
    <mergeCell ref="AG4:AG5"/>
    <mergeCell ref="A2:E5"/>
    <mergeCell ref="G2:K2"/>
    <mergeCell ref="L2:Y2"/>
    <mergeCell ref="Z2:AK2"/>
    <mergeCell ref="G3:G5"/>
    <mergeCell ref="I3:I5"/>
    <mergeCell ref="J3:J5"/>
    <mergeCell ref="K3:K5"/>
    <mergeCell ref="L3:U3"/>
  </mergeCells>
  <phoneticPr fontId="2"/>
  <printOptions horizontalCentered="1"/>
  <pageMargins left="0.19685039370078741" right="0.19685039370078741" top="0.39370078740157477" bottom="0.39370078740157477" header="0.51181102362204722" footer="0.51181102362204722"/>
  <pageSetup paperSize="8" scale="30" orientation="landscape" r:id="rId1"/>
  <headerFooter alignWithMargins="0"/>
  <colBreaks count="2" manualBreakCount="2">
    <brk id="1" max="1048575" man="1"/>
    <brk id="2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>
    <pageSetUpPr fitToPage="1"/>
  </sheetPr>
  <dimension ref="A1:Y54"/>
  <sheetViews>
    <sheetView topLeftCell="R1" zoomScale="85" zoomScaleNormal="85" zoomScaleSheetLayoutView="55" workbookViewId="0">
      <selection activeCell="Z10" sqref="Z10:Z11"/>
    </sheetView>
  </sheetViews>
  <sheetFormatPr defaultRowHeight="13.5" x14ac:dyDescent="0.15"/>
  <cols>
    <col min="1" max="5" width="1.75" style="1" customWidth="1"/>
    <col min="6" max="6" width="19.375" style="1" customWidth="1"/>
    <col min="7" max="25" width="21.625" style="1" customWidth="1"/>
    <col min="26" max="16384" width="9" style="1"/>
  </cols>
  <sheetData>
    <row r="1" spans="1:25" ht="14.25" customHeight="1" thickBot="1" x14ac:dyDescent="0.2">
      <c r="A1" s="2" t="s">
        <v>130</v>
      </c>
      <c r="B1" s="2"/>
      <c r="C1" s="2"/>
      <c r="D1" s="2"/>
      <c r="E1" s="2"/>
      <c r="Y1" s="172" t="s">
        <v>193</v>
      </c>
    </row>
    <row r="2" spans="1:25" x14ac:dyDescent="0.15">
      <c r="A2" s="91" t="s">
        <v>1</v>
      </c>
      <c r="B2" s="92"/>
      <c r="C2" s="92"/>
      <c r="D2" s="92"/>
      <c r="E2" s="92"/>
      <c r="F2" s="93"/>
      <c r="G2" s="94" t="s">
        <v>2</v>
      </c>
      <c r="H2" s="95"/>
      <c r="I2" s="95"/>
      <c r="J2" s="95"/>
      <c r="K2" s="96"/>
      <c r="L2" s="97" t="s">
        <v>3</v>
      </c>
      <c r="M2" s="95"/>
      <c r="N2" s="95"/>
      <c r="O2" s="95"/>
      <c r="P2" s="95"/>
      <c r="Q2" s="95"/>
      <c r="R2" s="95"/>
      <c r="S2" s="95"/>
      <c r="T2" s="95"/>
      <c r="U2" s="95"/>
      <c r="V2" s="95"/>
      <c r="W2" s="95"/>
      <c r="X2" s="95"/>
      <c r="Y2" s="98"/>
    </row>
    <row r="3" spans="1:25" s="12" customFormat="1" ht="13.5" customHeight="1" x14ac:dyDescent="0.15">
      <c r="A3" s="99"/>
      <c r="B3" s="100"/>
      <c r="C3" s="100"/>
      <c r="D3" s="100"/>
      <c r="E3" s="100"/>
      <c r="F3" s="101"/>
      <c r="G3" s="16" t="s">
        <v>172</v>
      </c>
      <c r="H3" s="17" t="s">
        <v>173</v>
      </c>
      <c r="I3" s="18" t="s">
        <v>5</v>
      </c>
      <c r="J3" s="18" t="s">
        <v>6</v>
      </c>
      <c r="K3" s="19" t="s">
        <v>7</v>
      </c>
      <c r="L3" s="129" t="s">
        <v>8</v>
      </c>
      <c r="M3" s="130"/>
      <c r="N3" s="130"/>
      <c r="O3" s="130"/>
      <c r="P3" s="130"/>
      <c r="Q3" s="130"/>
      <c r="R3" s="130"/>
      <c r="S3" s="130"/>
      <c r="T3" s="130"/>
      <c r="U3" s="130"/>
      <c r="V3" s="18" t="s">
        <v>5</v>
      </c>
      <c r="W3" s="16" t="s">
        <v>9</v>
      </c>
      <c r="X3" s="20" t="s">
        <v>6</v>
      </c>
      <c r="Y3" s="21" t="s">
        <v>7</v>
      </c>
    </row>
    <row r="4" spans="1:25" s="12" customFormat="1" ht="13.5" customHeight="1" x14ac:dyDescent="0.15">
      <c r="A4" s="99"/>
      <c r="B4" s="100"/>
      <c r="C4" s="100"/>
      <c r="D4" s="100"/>
      <c r="E4" s="100"/>
      <c r="F4" s="101"/>
      <c r="G4" s="22"/>
      <c r="H4" s="23"/>
      <c r="I4" s="24"/>
      <c r="J4" s="24"/>
      <c r="K4" s="127"/>
      <c r="L4" s="131" t="s">
        <v>174</v>
      </c>
      <c r="M4" s="132"/>
      <c r="N4" s="132"/>
      <c r="O4" s="132"/>
      <c r="P4" s="132"/>
      <c r="Q4" s="139"/>
      <c r="R4" s="140" t="s">
        <v>34</v>
      </c>
      <c r="S4" s="132"/>
      <c r="T4" s="132"/>
      <c r="U4" s="133"/>
      <c r="V4" s="25"/>
      <c r="W4" s="22"/>
      <c r="X4" s="25"/>
      <c r="Y4" s="28"/>
    </row>
    <row r="5" spans="1:25" s="12" customFormat="1" ht="27" x14ac:dyDescent="0.15">
      <c r="A5" s="102"/>
      <c r="B5" s="103"/>
      <c r="C5" s="103"/>
      <c r="D5" s="103"/>
      <c r="E5" s="103"/>
      <c r="F5" s="104"/>
      <c r="G5" s="32"/>
      <c r="H5" s="33"/>
      <c r="I5" s="34"/>
      <c r="J5" s="34"/>
      <c r="K5" s="128"/>
      <c r="L5" s="35" t="s">
        <v>175</v>
      </c>
      <c r="M5" s="134" t="s">
        <v>176</v>
      </c>
      <c r="N5" s="134" t="s">
        <v>177</v>
      </c>
      <c r="O5" s="134" t="s">
        <v>178</v>
      </c>
      <c r="P5" s="134" t="s">
        <v>179</v>
      </c>
      <c r="Q5" s="122" t="s">
        <v>180</v>
      </c>
      <c r="R5" s="141" t="s">
        <v>181</v>
      </c>
      <c r="S5" s="134" t="s">
        <v>182</v>
      </c>
      <c r="T5" s="134" t="s">
        <v>183</v>
      </c>
      <c r="U5" s="121" t="s">
        <v>184</v>
      </c>
      <c r="V5" s="36"/>
      <c r="W5" s="32"/>
      <c r="X5" s="36"/>
      <c r="Y5" s="39"/>
    </row>
    <row r="6" spans="1:25" ht="13.5" customHeight="1" x14ac:dyDescent="0.15">
      <c r="A6" s="40" t="s">
        <v>131</v>
      </c>
      <c r="B6" s="2"/>
      <c r="C6" s="2"/>
      <c r="D6" s="2"/>
      <c r="E6" s="2"/>
      <c r="F6" s="2"/>
      <c r="G6" s="41">
        <v>5125357</v>
      </c>
      <c r="H6" s="42">
        <v>291</v>
      </c>
      <c r="I6" s="43">
        <v>5125648</v>
      </c>
      <c r="J6" s="43">
        <v>0</v>
      </c>
      <c r="K6" s="79">
        <v>5125648</v>
      </c>
      <c r="L6" s="44">
        <v>500819</v>
      </c>
      <c r="M6" s="135">
        <v>1690335</v>
      </c>
      <c r="N6" s="135">
        <v>160312</v>
      </c>
      <c r="O6" s="135">
        <v>2286415</v>
      </c>
      <c r="P6" s="135">
        <v>215049</v>
      </c>
      <c r="Q6" s="42">
        <v>166255</v>
      </c>
      <c r="R6" s="41">
        <v>1081058</v>
      </c>
      <c r="S6" s="135">
        <v>1049</v>
      </c>
      <c r="T6" s="135">
        <v>-283438</v>
      </c>
      <c r="U6" s="80">
        <v>-514</v>
      </c>
      <c r="V6" s="117">
        <v>10942987</v>
      </c>
      <c r="W6" s="47">
        <v>40834</v>
      </c>
      <c r="X6" s="48">
        <v>1111833</v>
      </c>
      <c r="Y6" s="119">
        <v>12095655</v>
      </c>
    </row>
    <row r="7" spans="1:25" ht="13.5" customHeight="1" x14ac:dyDescent="0.15">
      <c r="A7" s="51"/>
      <c r="B7" s="52" t="s">
        <v>132</v>
      </c>
      <c r="C7" s="52"/>
      <c r="D7" s="52"/>
      <c r="E7" s="52"/>
      <c r="F7" s="52"/>
      <c r="G7" s="41">
        <v>58508135</v>
      </c>
      <c r="H7" s="53">
        <v>30470</v>
      </c>
      <c r="I7" s="54">
        <v>58538605</v>
      </c>
      <c r="J7" s="54">
        <v>-10681</v>
      </c>
      <c r="K7" s="57">
        <v>58527924</v>
      </c>
      <c r="L7" s="55">
        <v>11057284</v>
      </c>
      <c r="M7" s="136">
        <v>1660803</v>
      </c>
      <c r="N7" s="136">
        <v>166218</v>
      </c>
      <c r="O7" s="136">
        <v>1945337</v>
      </c>
      <c r="P7" s="136">
        <v>2068601</v>
      </c>
      <c r="Q7" s="53">
        <v>10895421</v>
      </c>
      <c r="R7" s="58">
        <v>22924551</v>
      </c>
      <c r="S7" s="136">
        <v>2641570</v>
      </c>
      <c r="T7" s="136">
        <v>12823123</v>
      </c>
      <c r="U7" s="59">
        <v>13091</v>
      </c>
      <c r="V7" s="56">
        <v>124723924</v>
      </c>
      <c r="W7" s="58">
        <v>15049</v>
      </c>
      <c r="X7" s="59">
        <v>-10126909</v>
      </c>
      <c r="Y7" s="60">
        <v>114612064</v>
      </c>
    </row>
    <row r="8" spans="1:25" ht="13.5" customHeight="1" x14ac:dyDescent="0.15">
      <c r="A8" s="51"/>
      <c r="B8" s="52"/>
      <c r="C8" s="52" t="s">
        <v>133</v>
      </c>
      <c r="D8" s="52"/>
      <c r="E8" s="52"/>
      <c r="F8" s="52"/>
      <c r="G8" s="41">
        <v>26752845</v>
      </c>
      <c r="H8" s="53">
        <v>23012</v>
      </c>
      <c r="I8" s="54">
        <v>26775856</v>
      </c>
      <c r="J8" s="54" t="s">
        <v>15</v>
      </c>
      <c r="K8" s="57">
        <v>26775856</v>
      </c>
      <c r="L8" s="55">
        <v>11050710</v>
      </c>
      <c r="M8" s="136">
        <v>1498954</v>
      </c>
      <c r="N8" s="136">
        <v>60636</v>
      </c>
      <c r="O8" s="136">
        <v>1008192</v>
      </c>
      <c r="P8" s="136">
        <v>2056928</v>
      </c>
      <c r="Q8" s="53">
        <v>10241554</v>
      </c>
      <c r="R8" s="58">
        <v>663226</v>
      </c>
      <c r="S8" s="136">
        <v>87191</v>
      </c>
      <c r="T8" s="136">
        <v>908758</v>
      </c>
      <c r="U8" s="59">
        <v>12477</v>
      </c>
      <c r="V8" s="56">
        <v>54364482</v>
      </c>
      <c r="W8" s="58">
        <v>15049</v>
      </c>
      <c r="X8" s="59">
        <v>-221541</v>
      </c>
      <c r="Y8" s="60">
        <v>54157990</v>
      </c>
    </row>
    <row r="9" spans="1:25" ht="13.5" customHeight="1" x14ac:dyDescent="0.15">
      <c r="A9" s="51"/>
      <c r="B9" s="52"/>
      <c r="C9" s="52"/>
      <c r="D9" s="52" t="s">
        <v>134</v>
      </c>
      <c r="E9" s="52"/>
      <c r="F9" s="52"/>
      <c r="G9" s="41">
        <v>12260854</v>
      </c>
      <c r="H9" s="53">
        <v>10758</v>
      </c>
      <c r="I9" s="54">
        <v>12271612</v>
      </c>
      <c r="J9" s="54" t="s">
        <v>15</v>
      </c>
      <c r="K9" s="57">
        <v>12271612</v>
      </c>
      <c r="L9" s="55">
        <v>5084904</v>
      </c>
      <c r="M9" s="136">
        <v>314066</v>
      </c>
      <c r="N9" s="136">
        <v>19139</v>
      </c>
      <c r="O9" s="136">
        <v>148941</v>
      </c>
      <c r="P9" s="136">
        <v>1544963</v>
      </c>
      <c r="Q9" s="53">
        <v>89938</v>
      </c>
      <c r="R9" s="58">
        <v>157124</v>
      </c>
      <c r="S9" s="136">
        <v>53951</v>
      </c>
      <c r="T9" s="136">
        <v>198713</v>
      </c>
      <c r="U9" s="59">
        <v>10904</v>
      </c>
      <c r="V9" s="56">
        <v>19894256</v>
      </c>
      <c r="W9" s="58">
        <v>14721</v>
      </c>
      <c r="X9" s="59" t="s">
        <v>15</v>
      </c>
      <c r="Y9" s="60">
        <v>19908976</v>
      </c>
    </row>
    <row r="10" spans="1:25" ht="13.5" customHeight="1" x14ac:dyDescent="0.15">
      <c r="A10" s="51"/>
      <c r="B10" s="52"/>
      <c r="C10" s="52"/>
      <c r="D10" s="52" t="s">
        <v>135</v>
      </c>
      <c r="E10" s="52"/>
      <c r="F10" s="52"/>
      <c r="G10" s="41">
        <v>13529843</v>
      </c>
      <c r="H10" s="53">
        <v>12253</v>
      </c>
      <c r="I10" s="54">
        <v>13542097</v>
      </c>
      <c r="J10" s="54" t="s">
        <v>15</v>
      </c>
      <c r="K10" s="57">
        <v>13542097</v>
      </c>
      <c r="L10" s="55">
        <v>5297532</v>
      </c>
      <c r="M10" s="136">
        <v>887209</v>
      </c>
      <c r="N10" s="136">
        <v>12879</v>
      </c>
      <c r="O10" s="136">
        <v>198559</v>
      </c>
      <c r="P10" s="136">
        <v>489910</v>
      </c>
      <c r="Q10" s="53">
        <v>9900510</v>
      </c>
      <c r="R10" s="58">
        <v>252930</v>
      </c>
      <c r="S10" s="136">
        <v>29205</v>
      </c>
      <c r="T10" s="136">
        <v>477852</v>
      </c>
      <c r="U10" s="59">
        <v>1321</v>
      </c>
      <c r="V10" s="56">
        <v>31090004</v>
      </c>
      <c r="W10" s="58">
        <v>328</v>
      </c>
      <c r="X10" s="59">
        <v>-221541</v>
      </c>
      <c r="Y10" s="60">
        <v>30868791</v>
      </c>
    </row>
    <row r="11" spans="1:25" ht="13.5" customHeight="1" x14ac:dyDescent="0.15">
      <c r="A11" s="40"/>
      <c r="B11" s="2"/>
      <c r="C11" s="2"/>
      <c r="D11" s="2" t="s">
        <v>136</v>
      </c>
      <c r="E11" s="2"/>
      <c r="F11" s="2"/>
      <c r="G11" s="41">
        <v>560414</v>
      </c>
      <c r="H11" s="53" t="s">
        <v>15</v>
      </c>
      <c r="I11" s="54">
        <v>560414</v>
      </c>
      <c r="J11" s="54" t="s">
        <v>15</v>
      </c>
      <c r="K11" s="57">
        <v>560414</v>
      </c>
      <c r="L11" s="55">
        <v>7987</v>
      </c>
      <c r="M11" s="136">
        <v>238352</v>
      </c>
      <c r="N11" s="136">
        <v>9242</v>
      </c>
      <c r="O11" s="136">
        <v>572256</v>
      </c>
      <c r="P11" s="136">
        <v>281</v>
      </c>
      <c r="Q11" s="53">
        <v>233</v>
      </c>
      <c r="R11" s="58" t="s">
        <v>15</v>
      </c>
      <c r="S11" s="136" t="s">
        <v>15</v>
      </c>
      <c r="T11" s="136" t="s">
        <v>15</v>
      </c>
      <c r="U11" s="59" t="s">
        <v>15</v>
      </c>
      <c r="V11" s="56">
        <v>1388764</v>
      </c>
      <c r="W11" s="58" t="s">
        <v>15</v>
      </c>
      <c r="X11" s="59" t="s">
        <v>15</v>
      </c>
      <c r="Y11" s="60">
        <v>1388764</v>
      </c>
    </row>
    <row r="12" spans="1:25" ht="13.5" customHeight="1" x14ac:dyDescent="0.15">
      <c r="A12" s="51"/>
      <c r="B12" s="52"/>
      <c r="C12" s="52"/>
      <c r="D12" s="52" t="s">
        <v>137</v>
      </c>
      <c r="E12" s="52"/>
      <c r="F12" s="52"/>
      <c r="G12" s="41">
        <v>401733</v>
      </c>
      <c r="H12" s="53" t="s">
        <v>15</v>
      </c>
      <c r="I12" s="54">
        <v>401733</v>
      </c>
      <c r="J12" s="54" t="s">
        <v>15</v>
      </c>
      <c r="K12" s="57">
        <v>401733</v>
      </c>
      <c r="L12" s="55">
        <v>660287</v>
      </c>
      <c r="M12" s="136">
        <v>59326</v>
      </c>
      <c r="N12" s="136">
        <v>19376</v>
      </c>
      <c r="O12" s="136">
        <v>88436</v>
      </c>
      <c r="P12" s="136">
        <v>21774</v>
      </c>
      <c r="Q12" s="53">
        <v>250873</v>
      </c>
      <c r="R12" s="58">
        <v>253172</v>
      </c>
      <c r="S12" s="136">
        <v>4035</v>
      </c>
      <c r="T12" s="136">
        <v>232194</v>
      </c>
      <c r="U12" s="59">
        <v>252</v>
      </c>
      <c r="V12" s="56">
        <v>1991459</v>
      </c>
      <c r="W12" s="58" t="s">
        <v>15</v>
      </c>
      <c r="X12" s="59" t="s">
        <v>15</v>
      </c>
      <c r="Y12" s="60">
        <v>1991459</v>
      </c>
    </row>
    <row r="13" spans="1:25" ht="13.5" customHeight="1" x14ac:dyDescent="0.15">
      <c r="A13" s="40"/>
      <c r="B13" s="2"/>
      <c r="C13" s="2" t="s">
        <v>138</v>
      </c>
      <c r="D13" s="2"/>
      <c r="E13" s="2"/>
      <c r="F13" s="2"/>
      <c r="G13" s="41">
        <v>31755290</v>
      </c>
      <c r="H13" s="53">
        <v>7459</v>
      </c>
      <c r="I13" s="54">
        <v>31762749</v>
      </c>
      <c r="J13" s="54">
        <v>-10681</v>
      </c>
      <c r="K13" s="57">
        <v>31752068</v>
      </c>
      <c r="L13" s="55">
        <v>6574</v>
      </c>
      <c r="M13" s="136">
        <v>161849</v>
      </c>
      <c r="N13" s="136">
        <v>105583</v>
      </c>
      <c r="O13" s="136">
        <v>937145</v>
      </c>
      <c r="P13" s="136">
        <v>11673</v>
      </c>
      <c r="Q13" s="53">
        <v>653867</v>
      </c>
      <c r="R13" s="58">
        <v>22261325</v>
      </c>
      <c r="S13" s="136">
        <v>2554379</v>
      </c>
      <c r="T13" s="136">
        <v>11914365</v>
      </c>
      <c r="U13" s="59">
        <v>614</v>
      </c>
      <c r="V13" s="56">
        <v>70359441</v>
      </c>
      <c r="W13" s="58">
        <v>0</v>
      </c>
      <c r="X13" s="59">
        <v>-9905367</v>
      </c>
      <c r="Y13" s="60">
        <v>60454074</v>
      </c>
    </row>
    <row r="14" spans="1:25" ht="13.5" customHeight="1" x14ac:dyDescent="0.15">
      <c r="A14" s="51"/>
      <c r="B14" s="52"/>
      <c r="C14" s="52"/>
      <c r="D14" s="52" t="s">
        <v>139</v>
      </c>
      <c r="E14" s="52"/>
      <c r="F14" s="52"/>
      <c r="G14" s="41">
        <v>8792704</v>
      </c>
      <c r="H14" s="53">
        <v>7459</v>
      </c>
      <c r="I14" s="54">
        <v>8800162</v>
      </c>
      <c r="J14" s="54" t="s">
        <v>15</v>
      </c>
      <c r="K14" s="57">
        <v>8800162</v>
      </c>
      <c r="L14" s="55">
        <v>6574</v>
      </c>
      <c r="M14" s="136">
        <v>161849</v>
      </c>
      <c r="N14" s="136">
        <v>105583</v>
      </c>
      <c r="O14" s="136">
        <v>937145</v>
      </c>
      <c r="P14" s="136">
        <v>5805</v>
      </c>
      <c r="Q14" s="53">
        <v>453867</v>
      </c>
      <c r="R14" s="58">
        <v>22032413</v>
      </c>
      <c r="S14" s="136">
        <v>2554379</v>
      </c>
      <c r="T14" s="136">
        <v>11912710</v>
      </c>
      <c r="U14" s="59">
        <v>614</v>
      </c>
      <c r="V14" s="56">
        <v>46971101</v>
      </c>
      <c r="W14" s="58" t="s">
        <v>15</v>
      </c>
      <c r="X14" s="59">
        <v>-4405611</v>
      </c>
      <c r="Y14" s="60">
        <v>42565490</v>
      </c>
    </row>
    <row r="15" spans="1:25" ht="13.5" customHeight="1" x14ac:dyDescent="0.15">
      <c r="A15" s="40"/>
      <c r="B15" s="2"/>
      <c r="C15" s="2"/>
      <c r="D15" s="2" t="s">
        <v>140</v>
      </c>
      <c r="E15" s="2"/>
      <c r="F15" s="2"/>
      <c r="G15" s="41">
        <v>17789705</v>
      </c>
      <c r="H15" s="53" t="s">
        <v>15</v>
      </c>
      <c r="I15" s="54">
        <v>17789705</v>
      </c>
      <c r="J15" s="54" t="s">
        <v>15</v>
      </c>
      <c r="K15" s="57">
        <v>17789705</v>
      </c>
      <c r="L15" s="55">
        <v>0</v>
      </c>
      <c r="M15" s="136">
        <v>0</v>
      </c>
      <c r="N15" s="136">
        <v>0</v>
      </c>
      <c r="O15" s="136">
        <v>0</v>
      </c>
      <c r="P15" s="136">
        <v>0</v>
      </c>
      <c r="Q15" s="53">
        <v>0</v>
      </c>
      <c r="R15" s="58" t="s">
        <v>15</v>
      </c>
      <c r="S15" s="136" t="s">
        <v>15</v>
      </c>
      <c r="T15" s="136">
        <v>1654</v>
      </c>
      <c r="U15" s="59" t="s">
        <v>15</v>
      </c>
      <c r="V15" s="56">
        <v>17791360</v>
      </c>
      <c r="W15" s="58" t="s">
        <v>15</v>
      </c>
      <c r="X15" s="59">
        <v>-1033</v>
      </c>
      <c r="Y15" s="60">
        <v>17790326</v>
      </c>
    </row>
    <row r="16" spans="1:25" ht="13.5" customHeight="1" x14ac:dyDescent="0.15">
      <c r="A16" s="51"/>
      <c r="B16" s="52"/>
      <c r="C16" s="52"/>
      <c r="D16" s="52" t="s">
        <v>141</v>
      </c>
      <c r="E16" s="52"/>
      <c r="F16" s="52"/>
      <c r="G16" s="41">
        <v>5080492</v>
      </c>
      <c r="H16" s="53" t="s">
        <v>15</v>
      </c>
      <c r="I16" s="54">
        <v>5080492</v>
      </c>
      <c r="J16" s="54">
        <v>-10681</v>
      </c>
      <c r="K16" s="57">
        <v>5069810</v>
      </c>
      <c r="L16" s="55">
        <v>0</v>
      </c>
      <c r="M16" s="136">
        <v>0</v>
      </c>
      <c r="N16" s="136">
        <v>0</v>
      </c>
      <c r="O16" s="136">
        <v>0</v>
      </c>
      <c r="P16" s="136">
        <v>0</v>
      </c>
      <c r="Q16" s="53">
        <v>0</v>
      </c>
      <c r="R16" s="58">
        <v>228913</v>
      </c>
      <c r="S16" s="136" t="s">
        <v>15</v>
      </c>
      <c r="T16" s="136" t="s">
        <v>15</v>
      </c>
      <c r="U16" s="59" t="s">
        <v>15</v>
      </c>
      <c r="V16" s="56">
        <v>5298723</v>
      </c>
      <c r="W16" s="58" t="s">
        <v>15</v>
      </c>
      <c r="X16" s="59">
        <v>-5298723</v>
      </c>
      <c r="Y16" s="60">
        <v>0</v>
      </c>
    </row>
    <row r="17" spans="1:25" ht="13.5" customHeight="1" x14ac:dyDescent="0.15">
      <c r="A17" s="40"/>
      <c r="B17" s="2"/>
      <c r="C17" s="2"/>
      <c r="D17" s="2" t="s">
        <v>137</v>
      </c>
      <c r="E17" s="2"/>
      <c r="F17" s="2"/>
      <c r="G17" s="41">
        <v>92390</v>
      </c>
      <c r="H17" s="53" t="s">
        <v>15</v>
      </c>
      <c r="I17" s="54">
        <v>92390</v>
      </c>
      <c r="J17" s="54" t="s">
        <v>15</v>
      </c>
      <c r="K17" s="57">
        <v>92390</v>
      </c>
      <c r="L17" s="55">
        <v>0</v>
      </c>
      <c r="M17" s="136">
        <v>0</v>
      </c>
      <c r="N17" s="136">
        <v>0</v>
      </c>
      <c r="O17" s="136">
        <v>0</v>
      </c>
      <c r="P17" s="136">
        <v>5868</v>
      </c>
      <c r="Q17" s="53">
        <v>200000</v>
      </c>
      <c r="R17" s="58" t="s">
        <v>15</v>
      </c>
      <c r="S17" s="136" t="s">
        <v>15</v>
      </c>
      <c r="T17" s="136" t="s">
        <v>15</v>
      </c>
      <c r="U17" s="59" t="s">
        <v>15</v>
      </c>
      <c r="V17" s="56">
        <v>298257</v>
      </c>
      <c r="W17" s="58">
        <v>0</v>
      </c>
      <c r="X17" s="59">
        <v>-200000</v>
      </c>
      <c r="Y17" s="60">
        <v>98257</v>
      </c>
    </row>
    <row r="18" spans="1:25" ht="13.5" customHeight="1" x14ac:dyDescent="0.15">
      <c r="A18" s="51"/>
      <c r="B18" s="52" t="s">
        <v>142</v>
      </c>
      <c r="C18" s="52"/>
      <c r="D18" s="52"/>
      <c r="E18" s="52"/>
      <c r="F18" s="52"/>
      <c r="G18" s="41">
        <v>63633492</v>
      </c>
      <c r="H18" s="53">
        <v>30761</v>
      </c>
      <c r="I18" s="54">
        <v>63664253</v>
      </c>
      <c r="J18" s="54">
        <v>-10681</v>
      </c>
      <c r="K18" s="57">
        <v>63653572</v>
      </c>
      <c r="L18" s="55">
        <v>11558103</v>
      </c>
      <c r="M18" s="136">
        <v>3354655</v>
      </c>
      <c r="N18" s="136">
        <v>326530</v>
      </c>
      <c r="O18" s="136">
        <v>4227957</v>
      </c>
      <c r="P18" s="136">
        <v>2283649</v>
      </c>
      <c r="Q18" s="53">
        <v>11061676</v>
      </c>
      <c r="R18" s="58">
        <v>24005609</v>
      </c>
      <c r="S18" s="136">
        <v>2642619</v>
      </c>
      <c r="T18" s="136">
        <v>12539685</v>
      </c>
      <c r="U18" s="59">
        <v>12578</v>
      </c>
      <c r="V18" s="56">
        <v>135666634</v>
      </c>
      <c r="W18" s="58">
        <v>55884</v>
      </c>
      <c r="X18" s="59">
        <v>-9015075</v>
      </c>
      <c r="Y18" s="60">
        <v>126707442</v>
      </c>
    </row>
    <row r="19" spans="1:25" ht="13.5" customHeight="1" x14ac:dyDescent="0.15">
      <c r="A19" s="40"/>
      <c r="B19" s="2"/>
      <c r="C19" s="2" t="s">
        <v>143</v>
      </c>
      <c r="D19" s="2"/>
      <c r="E19" s="2"/>
      <c r="F19" s="2"/>
      <c r="G19" s="41">
        <v>42301254</v>
      </c>
      <c r="H19" s="53">
        <v>10681</v>
      </c>
      <c r="I19" s="54">
        <v>42311935</v>
      </c>
      <c r="J19" s="54">
        <v>-10681</v>
      </c>
      <c r="K19" s="57">
        <v>42301254</v>
      </c>
      <c r="L19" s="55">
        <v>794297</v>
      </c>
      <c r="M19" s="136">
        <v>3902</v>
      </c>
      <c r="N19" s="136">
        <v>240</v>
      </c>
      <c r="O19" s="136">
        <v>1669509</v>
      </c>
      <c r="P19" s="136">
        <v>202929</v>
      </c>
      <c r="Q19" s="53">
        <v>336</v>
      </c>
      <c r="R19" s="58">
        <v>18004046</v>
      </c>
      <c r="S19" s="136">
        <v>2638081</v>
      </c>
      <c r="T19" s="136">
        <v>7927428</v>
      </c>
      <c r="U19" s="59">
        <v>11530</v>
      </c>
      <c r="V19" s="56">
        <v>73553552</v>
      </c>
      <c r="W19" s="58">
        <v>65118</v>
      </c>
      <c r="X19" s="59">
        <v>-7967242</v>
      </c>
      <c r="Y19" s="60">
        <v>65651428</v>
      </c>
    </row>
    <row r="20" spans="1:25" ht="13.5" customHeight="1" x14ac:dyDescent="0.15">
      <c r="A20" s="51"/>
      <c r="B20" s="52"/>
      <c r="C20" s="52" t="s">
        <v>144</v>
      </c>
      <c r="D20" s="52"/>
      <c r="E20" s="52"/>
      <c r="F20" s="52"/>
      <c r="G20" s="41">
        <v>16273444</v>
      </c>
      <c r="H20" s="53" t="s">
        <v>15</v>
      </c>
      <c r="I20" s="54">
        <v>16273444</v>
      </c>
      <c r="J20" s="54" t="s">
        <v>15</v>
      </c>
      <c r="K20" s="57">
        <v>16273444</v>
      </c>
      <c r="L20" s="55">
        <v>11413</v>
      </c>
      <c r="M20" s="136">
        <v>0</v>
      </c>
      <c r="N20" s="136">
        <v>0</v>
      </c>
      <c r="O20" s="136">
        <v>104</v>
      </c>
      <c r="P20" s="136">
        <v>0</v>
      </c>
      <c r="Q20" s="53">
        <v>0</v>
      </c>
      <c r="R20" s="58">
        <v>5951979</v>
      </c>
      <c r="S20" s="136" t="s">
        <v>15</v>
      </c>
      <c r="T20" s="136">
        <v>4584224</v>
      </c>
      <c r="U20" s="59">
        <v>154</v>
      </c>
      <c r="V20" s="56">
        <v>26821317</v>
      </c>
      <c r="W20" s="58" t="s">
        <v>15</v>
      </c>
      <c r="X20" s="59" t="s">
        <v>15</v>
      </c>
      <c r="Y20" s="60">
        <v>26821317</v>
      </c>
    </row>
    <row r="21" spans="1:25" ht="13.5" customHeight="1" x14ac:dyDescent="0.15">
      <c r="A21" s="40"/>
      <c r="B21" s="2"/>
      <c r="C21" s="2" t="s">
        <v>145</v>
      </c>
      <c r="D21" s="2"/>
      <c r="E21" s="2"/>
      <c r="F21" s="2"/>
      <c r="G21" s="41">
        <v>3047630</v>
      </c>
      <c r="H21" s="53" t="s">
        <v>15</v>
      </c>
      <c r="I21" s="54">
        <v>3047630</v>
      </c>
      <c r="J21" s="54" t="s">
        <v>15</v>
      </c>
      <c r="K21" s="57">
        <v>3047630</v>
      </c>
      <c r="L21" s="55">
        <v>10276537</v>
      </c>
      <c r="M21" s="136">
        <v>3051875</v>
      </c>
      <c r="N21" s="136">
        <v>326027</v>
      </c>
      <c r="O21" s="136">
        <v>2556082</v>
      </c>
      <c r="P21" s="136">
        <v>2039735</v>
      </c>
      <c r="Q21" s="53">
        <v>11042147</v>
      </c>
      <c r="R21" s="58">
        <v>2304</v>
      </c>
      <c r="S21" s="136">
        <v>174</v>
      </c>
      <c r="T21" s="136">
        <v>484</v>
      </c>
      <c r="U21" s="59" t="s">
        <v>15</v>
      </c>
      <c r="V21" s="56">
        <v>32342996</v>
      </c>
      <c r="W21" s="58">
        <v>-10207</v>
      </c>
      <c r="X21" s="59">
        <v>-598655</v>
      </c>
      <c r="Y21" s="60">
        <v>31734134</v>
      </c>
    </row>
    <row r="22" spans="1:25" ht="13.5" customHeight="1" x14ac:dyDescent="0.15">
      <c r="A22" s="51"/>
      <c r="B22" s="52"/>
      <c r="C22" s="52" t="s">
        <v>146</v>
      </c>
      <c r="D22" s="52"/>
      <c r="E22" s="52"/>
      <c r="F22" s="52"/>
      <c r="G22" s="41">
        <v>2011164</v>
      </c>
      <c r="H22" s="53">
        <v>20080</v>
      </c>
      <c r="I22" s="54">
        <v>2031244</v>
      </c>
      <c r="J22" s="54" t="s">
        <v>15</v>
      </c>
      <c r="K22" s="57">
        <v>2031244</v>
      </c>
      <c r="L22" s="55">
        <v>475856</v>
      </c>
      <c r="M22" s="136">
        <v>298878</v>
      </c>
      <c r="N22" s="136">
        <v>263</v>
      </c>
      <c r="O22" s="136">
        <v>2262</v>
      </c>
      <c r="P22" s="136">
        <v>40986</v>
      </c>
      <c r="Q22" s="53">
        <v>19193</v>
      </c>
      <c r="R22" s="58">
        <v>47281</v>
      </c>
      <c r="S22" s="136">
        <v>4363</v>
      </c>
      <c r="T22" s="136">
        <v>27550</v>
      </c>
      <c r="U22" s="59">
        <v>894</v>
      </c>
      <c r="V22" s="56">
        <v>2948769</v>
      </c>
      <c r="W22" s="58">
        <v>973</v>
      </c>
      <c r="X22" s="59">
        <v>-449179</v>
      </c>
      <c r="Y22" s="60">
        <v>2500562</v>
      </c>
    </row>
    <row r="23" spans="1:25" ht="13.5" customHeight="1" x14ac:dyDescent="0.15">
      <c r="A23" s="40"/>
      <c r="B23" s="2" t="s">
        <v>147</v>
      </c>
      <c r="C23" s="2"/>
      <c r="D23" s="2"/>
      <c r="E23" s="2"/>
      <c r="F23" s="2"/>
      <c r="G23" s="41" t="s">
        <v>15</v>
      </c>
      <c r="H23" s="53" t="s">
        <v>15</v>
      </c>
      <c r="I23" s="54" t="s">
        <v>15</v>
      </c>
      <c r="J23" s="54" t="s">
        <v>15</v>
      </c>
      <c r="K23" s="57" t="s">
        <v>15</v>
      </c>
      <c r="L23" s="55">
        <v>0</v>
      </c>
      <c r="M23" s="136">
        <v>3517</v>
      </c>
      <c r="N23" s="136">
        <v>0</v>
      </c>
      <c r="O23" s="136">
        <v>120</v>
      </c>
      <c r="P23" s="136">
        <v>0</v>
      </c>
      <c r="Q23" s="53">
        <v>0</v>
      </c>
      <c r="R23" s="58" t="s">
        <v>15</v>
      </c>
      <c r="S23" s="136" t="s">
        <v>15</v>
      </c>
      <c r="T23" s="136" t="s">
        <v>15</v>
      </c>
      <c r="U23" s="59" t="s">
        <v>15</v>
      </c>
      <c r="V23" s="56">
        <v>3637</v>
      </c>
      <c r="W23" s="58" t="s">
        <v>15</v>
      </c>
      <c r="X23" s="59" t="s">
        <v>15</v>
      </c>
      <c r="Y23" s="60">
        <v>3637</v>
      </c>
    </row>
    <row r="24" spans="1:25" ht="13.5" customHeight="1" x14ac:dyDescent="0.15">
      <c r="A24" s="51"/>
      <c r="B24" s="52"/>
      <c r="C24" s="52" t="s">
        <v>148</v>
      </c>
      <c r="D24" s="52"/>
      <c r="E24" s="52"/>
      <c r="F24" s="52"/>
      <c r="G24" s="41" t="s">
        <v>15</v>
      </c>
      <c r="H24" s="53" t="s">
        <v>15</v>
      </c>
      <c r="I24" s="54" t="s">
        <v>15</v>
      </c>
      <c r="J24" s="54" t="s">
        <v>15</v>
      </c>
      <c r="K24" s="57" t="s">
        <v>15</v>
      </c>
      <c r="L24" s="55">
        <v>0</v>
      </c>
      <c r="M24" s="136">
        <v>0</v>
      </c>
      <c r="N24" s="136">
        <v>0</v>
      </c>
      <c r="O24" s="136">
        <v>0</v>
      </c>
      <c r="P24" s="136">
        <v>0</v>
      </c>
      <c r="Q24" s="53">
        <v>0</v>
      </c>
      <c r="R24" s="58" t="s">
        <v>15</v>
      </c>
      <c r="S24" s="136" t="s">
        <v>15</v>
      </c>
      <c r="T24" s="136" t="s">
        <v>15</v>
      </c>
      <c r="U24" s="59" t="s">
        <v>15</v>
      </c>
      <c r="V24" s="56">
        <v>0</v>
      </c>
      <c r="W24" s="58" t="s">
        <v>15</v>
      </c>
      <c r="X24" s="59" t="s">
        <v>15</v>
      </c>
      <c r="Y24" s="60">
        <v>0</v>
      </c>
    </row>
    <row r="25" spans="1:25" ht="13.5" customHeight="1" x14ac:dyDescent="0.15">
      <c r="A25" s="51"/>
      <c r="B25" s="52"/>
      <c r="C25" s="52" t="s">
        <v>137</v>
      </c>
      <c r="D25" s="52"/>
      <c r="E25" s="52"/>
      <c r="F25" s="52"/>
      <c r="G25" s="41" t="s">
        <v>15</v>
      </c>
      <c r="H25" s="53" t="s">
        <v>15</v>
      </c>
      <c r="I25" s="54" t="s">
        <v>15</v>
      </c>
      <c r="J25" s="54" t="s">
        <v>15</v>
      </c>
      <c r="K25" s="57" t="s">
        <v>15</v>
      </c>
      <c r="L25" s="55">
        <v>0</v>
      </c>
      <c r="M25" s="136">
        <v>3517</v>
      </c>
      <c r="N25" s="136">
        <v>0</v>
      </c>
      <c r="O25" s="136">
        <v>120</v>
      </c>
      <c r="P25" s="136">
        <v>0</v>
      </c>
      <c r="Q25" s="53">
        <v>0</v>
      </c>
      <c r="R25" s="58" t="s">
        <v>15</v>
      </c>
      <c r="S25" s="136" t="s">
        <v>15</v>
      </c>
      <c r="T25" s="136" t="s">
        <v>15</v>
      </c>
      <c r="U25" s="59" t="s">
        <v>15</v>
      </c>
      <c r="V25" s="56">
        <v>3637</v>
      </c>
      <c r="W25" s="58" t="s">
        <v>15</v>
      </c>
      <c r="X25" s="59" t="s">
        <v>15</v>
      </c>
      <c r="Y25" s="60">
        <v>3637</v>
      </c>
    </row>
    <row r="26" spans="1:25" ht="13.5" customHeight="1" x14ac:dyDescent="0.15">
      <c r="A26" s="65"/>
      <c r="B26" s="66" t="s">
        <v>149</v>
      </c>
      <c r="C26" s="66"/>
      <c r="D26" s="66"/>
      <c r="E26" s="66"/>
      <c r="F26" s="66"/>
      <c r="G26" s="105" t="s">
        <v>15</v>
      </c>
      <c r="H26" s="106" t="s">
        <v>15</v>
      </c>
      <c r="I26" s="107" t="s">
        <v>15</v>
      </c>
      <c r="J26" s="107" t="s">
        <v>15</v>
      </c>
      <c r="K26" s="109" t="s">
        <v>15</v>
      </c>
      <c r="L26" s="112">
        <v>0</v>
      </c>
      <c r="M26" s="159">
        <v>0</v>
      </c>
      <c r="N26" s="159">
        <v>0</v>
      </c>
      <c r="O26" s="159">
        <v>3914</v>
      </c>
      <c r="P26" s="159">
        <v>0</v>
      </c>
      <c r="Q26" s="106">
        <v>0</v>
      </c>
      <c r="R26" s="110" t="s">
        <v>15</v>
      </c>
      <c r="S26" s="159" t="s">
        <v>15</v>
      </c>
      <c r="T26" s="159" t="s">
        <v>15</v>
      </c>
      <c r="U26" s="111" t="s">
        <v>15</v>
      </c>
      <c r="V26" s="108">
        <v>3914</v>
      </c>
      <c r="W26" s="110" t="s">
        <v>15</v>
      </c>
      <c r="X26" s="111" t="s">
        <v>15</v>
      </c>
      <c r="Y26" s="113">
        <v>3914</v>
      </c>
    </row>
    <row r="27" spans="1:25" ht="13.5" customHeight="1" x14ac:dyDescent="0.15">
      <c r="A27" s="114" t="s">
        <v>150</v>
      </c>
      <c r="B27" s="115"/>
      <c r="C27" s="115"/>
      <c r="D27" s="115"/>
      <c r="E27" s="115"/>
      <c r="F27" s="115"/>
      <c r="G27" s="47">
        <v>-3583917</v>
      </c>
      <c r="H27" s="116">
        <v>-392</v>
      </c>
      <c r="I27" s="49">
        <v>-3584309</v>
      </c>
      <c r="J27" s="49" t="s">
        <v>15</v>
      </c>
      <c r="K27" s="46">
        <v>-3584309</v>
      </c>
      <c r="L27" s="118">
        <v>244480</v>
      </c>
      <c r="M27" s="160">
        <v>-1260330</v>
      </c>
      <c r="N27" s="160">
        <v>-273722</v>
      </c>
      <c r="O27" s="160">
        <v>8040</v>
      </c>
      <c r="P27" s="160">
        <v>-81999</v>
      </c>
      <c r="Q27" s="116">
        <v>43860</v>
      </c>
      <c r="R27" s="47">
        <v>-837655</v>
      </c>
      <c r="S27" s="160" t="s">
        <v>15</v>
      </c>
      <c r="T27" s="160">
        <v>80097</v>
      </c>
      <c r="U27" s="48">
        <v>463</v>
      </c>
      <c r="V27" s="117">
        <v>-5661075</v>
      </c>
      <c r="W27" s="47" t="s">
        <v>15</v>
      </c>
      <c r="X27" s="48">
        <v>-1111386</v>
      </c>
      <c r="Y27" s="119">
        <v>-6772461</v>
      </c>
    </row>
    <row r="28" spans="1:25" ht="13.5" customHeight="1" x14ac:dyDescent="0.15">
      <c r="A28" s="51"/>
      <c r="B28" s="52" t="s">
        <v>151</v>
      </c>
      <c r="C28" s="52"/>
      <c r="D28" s="52"/>
      <c r="E28" s="52"/>
      <c r="F28" s="52"/>
      <c r="G28" s="41">
        <v>6602457</v>
      </c>
      <c r="H28" s="53">
        <v>392</v>
      </c>
      <c r="I28" s="54">
        <v>6602849</v>
      </c>
      <c r="J28" s="54" t="s">
        <v>15</v>
      </c>
      <c r="K28" s="57">
        <v>6602849</v>
      </c>
      <c r="L28" s="55">
        <v>318910</v>
      </c>
      <c r="M28" s="136">
        <v>1565259</v>
      </c>
      <c r="N28" s="136">
        <v>273722</v>
      </c>
      <c r="O28" s="136">
        <v>615446</v>
      </c>
      <c r="P28" s="136">
        <v>90178</v>
      </c>
      <c r="Q28" s="53">
        <v>2940</v>
      </c>
      <c r="R28" s="58">
        <v>837655</v>
      </c>
      <c r="S28" s="136" t="s">
        <v>15</v>
      </c>
      <c r="T28" s="136">
        <v>93903</v>
      </c>
      <c r="U28" s="59">
        <v>81</v>
      </c>
      <c r="V28" s="56">
        <v>10400943</v>
      </c>
      <c r="W28" s="58" t="s">
        <v>15</v>
      </c>
      <c r="X28" s="59">
        <v>-5914</v>
      </c>
      <c r="Y28" s="60">
        <v>10395029</v>
      </c>
    </row>
    <row r="29" spans="1:25" ht="13.5" customHeight="1" x14ac:dyDescent="0.15">
      <c r="A29" s="51"/>
      <c r="B29" s="52"/>
      <c r="C29" s="52" t="s">
        <v>152</v>
      </c>
      <c r="D29" s="52"/>
      <c r="E29" s="52"/>
      <c r="F29" s="52"/>
      <c r="G29" s="41">
        <v>3713713</v>
      </c>
      <c r="H29" s="53" t="s">
        <v>15</v>
      </c>
      <c r="I29" s="54">
        <v>3713713</v>
      </c>
      <c r="J29" s="54" t="s">
        <v>15</v>
      </c>
      <c r="K29" s="57">
        <v>3713713</v>
      </c>
      <c r="L29" s="55">
        <v>314895</v>
      </c>
      <c r="M29" s="136">
        <v>1563957</v>
      </c>
      <c r="N29" s="136">
        <v>273722</v>
      </c>
      <c r="O29" s="136">
        <v>484084</v>
      </c>
      <c r="P29" s="136">
        <v>90178</v>
      </c>
      <c r="Q29" s="53">
        <v>2940</v>
      </c>
      <c r="R29" s="58" t="s">
        <v>15</v>
      </c>
      <c r="S29" s="136" t="s">
        <v>15</v>
      </c>
      <c r="T29" s="136" t="s">
        <v>15</v>
      </c>
      <c r="U29" s="59" t="s">
        <v>15</v>
      </c>
      <c r="V29" s="56">
        <v>6443489</v>
      </c>
      <c r="W29" s="58" t="s">
        <v>15</v>
      </c>
      <c r="X29" s="59">
        <v>-5467</v>
      </c>
      <c r="Y29" s="60">
        <v>6438022</v>
      </c>
    </row>
    <row r="30" spans="1:25" ht="13.5" customHeight="1" x14ac:dyDescent="0.15">
      <c r="A30" s="51"/>
      <c r="B30" s="52"/>
      <c r="C30" s="52" t="s">
        <v>153</v>
      </c>
      <c r="D30" s="52"/>
      <c r="E30" s="52"/>
      <c r="F30" s="52"/>
      <c r="G30" s="41">
        <v>2422485</v>
      </c>
      <c r="H30" s="53">
        <v>392</v>
      </c>
      <c r="I30" s="54">
        <v>2422877</v>
      </c>
      <c r="J30" s="54" t="s">
        <v>15</v>
      </c>
      <c r="K30" s="57">
        <v>2422877</v>
      </c>
      <c r="L30" s="55">
        <v>4016</v>
      </c>
      <c r="M30" s="136">
        <v>0</v>
      </c>
      <c r="N30" s="136">
        <v>0</v>
      </c>
      <c r="O30" s="136">
        <v>0</v>
      </c>
      <c r="P30" s="136">
        <v>0</v>
      </c>
      <c r="Q30" s="53">
        <v>0</v>
      </c>
      <c r="R30" s="58">
        <v>837655</v>
      </c>
      <c r="S30" s="136" t="s">
        <v>15</v>
      </c>
      <c r="T30" s="136">
        <v>93903</v>
      </c>
      <c r="U30" s="59">
        <v>81</v>
      </c>
      <c r="V30" s="56">
        <v>3358532</v>
      </c>
      <c r="W30" s="58" t="s">
        <v>15</v>
      </c>
      <c r="X30" s="59" t="s">
        <v>15</v>
      </c>
      <c r="Y30" s="60">
        <v>3358532</v>
      </c>
    </row>
    <row r="31" spans="1:25" ht="13.5" customHeight="1" x14ac:dyDescent="0.15">
      <c r="A31" s="51"/>
      <c r="B31" s="52"/>
      <c r="C31" s="52" t="s">
        <v>154</v>
      </c>
      <c r="D31" s="52"/>
      <c r="E31" s="52"/>
      <c r="F31" s="52"/>
      <c r="G31" s="41">
        <v>110447</v>
      </c>
      <c r="H31" s="53" t="s">
        <v>15</v>
      </c>
      <c r="I31" s="54">
        <v>110447</v>
      </c>
      <c r="J31" s="54" t="s">
        <v>15</v>
      </c>
      <c r="K31" s="57">
        <v>110447</v>
      </c>
      <c r="L31" s="55">
        <v>0</v>
      </c>
      <c r="M31" s="136">
        <v>0</v>
      </c>
      <c r="N31" s="136">
        <v>0</v>
      </c>
      <c r="O31" s="136">
        <v>0</v>
      </c>
      <c r="P31" s="136">
        <v>0</v>
      </c>
      <c r="Q31" s="53">
        <v>0</v>
      </c>
      <c r="R31" s="58" t="s">
        <v>15</v>
      </c>
      <c r="S31" s="136" t="s">
        <v>15</v>
      </c>
      <c r="T31" s="136" t="s">
        <v>15</v>
      </c>
      <c r="U31" s="59" t="s">
        <v>15</v>
      </c>
      <c r="V31" s="56">
        <v>110447</v>
      </c>
      <c r="W31" s="58" t="s">
        <v>15</v>
      </c>
      <c r="X31" s="59">
        <v>-447</v>
      </c>
      <c r="Y31" s="60">
        <v>110000</v>
      </c>
    </row>
    <row r="32" spans="1:25" ht="13.5" customHeight="1" x14ac:dyDescent="0.15">
      <c r="A32" s="51"/>
      <c r="B32" s="52"/>
      <c r="C32" s="52" t="s">
        <v>155</v>
      </c>
      <c r="D32" s="52"/>
      <c r="E32" s="52"/>
      <c r="F32" s="52"/>
      <c r="G32" s="41">
        <v>355812</v>
      </c>
      <c r="H32" s="53" t="s">
        <v>15</v>
      </c>
      <c r="I32" s="54">
        <v>355812</v>
      </c>
      <c r="J32" s="54" t="s">
        <v>15</v>
      </c>
      <c r="K32" s="57">
        <v>355812</v>
      </c>
      <c r="L32" s="55">
        <v>0</v>
      </c>
      <c r="M32" s="136">
        <v>0</v>
      </c>
      <c r="N32" s="136">
        <v>0</v>
      </c>
      <c r="O32" s="136">
        <v>0</v>
      </c>
      <c r="P32" s="136">
        <v>0</v>
      </c>
      <c r="Q32" s="53">
        <v>0</v>
      </c>
      <c r="R32" s="58" t="s">
        <v>15</v>
      </c>
      <c r="S32" s="136" t="s">
        <v>15</v>
      </c>
      <c r="T32" s="136" t="s">
        <v>15</v>
      </c>
      <c r="U32" s="59" t="s">
        <v>15</v>
      </c>
      <c r="V32" s="56">
        <v>355812</v>
      </c>
      <c r="W32" s="58" t="s">
        <v>15</v>
      </c>
      <c r="X32" s="59" t="s">
        <v>15</v>
      </c>
      <c r="Y32" s="60">
        <v>355812</v>
      </c>
    </row>
    <row r="33" spans="1:25" ht="13.5" customHeight="1" x14ac:dyDescent="0.15">
      <c r="A33" s="51"/>
      <c r="B33" s="52"/>
      <c r="C33" s="52" t="s">
        <v>137</v>
      </c>
      <c r="D33" s="52"/>
      <c r="E33" s="52"/>
      <c r="F33" s="52"/>
      <c r="G33" s="41" t="s">
        <v>15</v>
      </c>
      <c r="H33" s="53" t="s">
        <v>15</v>
      </c>
      <c r="I33" s="54" t="s">
        <v>15</v>
      </c>
      <c r="J33" s="54" t="s">
        <v>15</v>
      </c>
      <c r="K33" s="57" t="s">
        <v>15</v>
      </c>
      <c r="L33" s="55">
        <v>0</v>
      </c>
      <c r="M33" s="136">
        <v>1301</v>
      </c>
      <c r="N33" s="136">
        <v>0</v>
      </c>
      <c r="O33" s="136">
        <v>131361</v>
      </c>
      <c r="P33" s="136">
        <v>0</v>
      </c>
      <c r="Q33" s="53">
        <v>0</v>
      </c>
      <c r="R33" s="58" t="s">
        <v>15</v>
      </c>
      <c r="S33" s="136" t="s">
        <v>15</v>
      </c>
      <c r="T33" s="136" t="s">
        <v>15</v>
      </c>
      <c r="U33" s="59" t="s">
        <v>15</v>
      </c>
      <c r="V33" s="56">
        <v>132663</v>
      </c>
      <c r="W33" s="58" t="s">
        <v>15</v>
      </c>
      <c r="X33" s="59" t="s">
        <v>15</v>
      </c>
      <c r="Y33" s="60">
        <v>132663</v>
      </c>
    </row>
    <row r="34" spans="1:25" ht="13.5" customHeight="1" x14ac:dyDescent="0.15">
      <c r="A34" s="51"/>
      <c r="B34" s="52" t="s">
        <v>156</v>
      </c>
      <c r="C34" s="52"/>
      <c r="D34" s="52"/>
      <c r="E34" s="52"/>
      <c r="F34" s="52"/>
      <c r="G34" s="41">
        <v>3018540</v>
      </c>
      <c r="H34" s="53" t="s">
        <v>15</v>
      </c>
      <c r="I34" s="54">
        <v>3018540</v>
      </c>
      <c r="J34" s="54" t="s">
        <v>15</v>
      </c>
      <c r="K34" s="57">
        <v>3018540</v>
      </c>
      <c r="L34" s="55">
        <v>563390</v>
      </c>
      <c r="M34" s="136">
        <v>304929</v>
      </c>
      <c r="N34" s="136">
        <v>0</v>
      </c>
      <c r="O34" s="136">
        <v>623486</v>
      </c>
      <c r="P34" s="136">
        <v>8179</v>
      </c>
      <c r="Q34" s="53">
        <v>46800</v>
      </c>
      <c r="R34" s="58" t="s">
        <v>15</v>
      </c>
      <c r="S34" s="136" t="s">
        <v>15</v>
      </c>
      <c r="T34" s="136">
        <v>174000</v>
      </c>
      <c r="U34" s="59">
        <v>544</v>
      </c>
      <c r="V34" s="56">
        <v>4739868</v>
      </c>
      <c r="W34" s="58" t="s">
        <v>15</v>
      </c>
      <c r="X34" s="59">
        <v>-1117300</v>
      </c>
      <c r="Y34" s="60">
        <v>3622568</v>
      </c>
    </row>
    <row r="35" spans="1:25" ht="13.5" customHeight="1" x14ac:dyDescent="0.15">
      <c r="A35" s="51"/>
      <c r="B35" s="52"/>
      <c r="C35" s="52" t="s">
        <v>144</v>
      </c>
      <c r="D35" s="52"/>
      <c r="E35" s="52"/>
      <c r="F35" s="52"/>
      <c r="G35" s="41">
        <v>932770</v>
      </c>
      <c r="H35" s="53" t="s">
        <v>15</v>
      </c>
      <c r="I35" s="54">
        <v>932770</v>
      </c>
      <c r="J35" s="54" t="s">
        <v>15</v>
      </c>
      <c r="K35" s="57">
        <v>932770</v>
      </c>
      <c r="L35" s="55">
        <v>0</v>
      </c>
      <c r="M35" s="136">
        <v>17798</v>
      </c>
      <c r="N35" s="136">
        <v>0</v>
      </c>
      <c r="O35" s="136">
        <v>278395</v>
      </c>
      <c r="P35" s="136">
        <v>1231</v>
      </c>
      <c r="Q35" s="53">
        <v>0</v>
      </c>
      <c r="R35" s="58" t="s">
        <v>15</v>
      </c>
      <c r="S35" s="136" t="s">
        <v>15</v>
      </c>
      <c r="T35" s="136" t="s">
        <v>15</v>
      </c>
      <c r="U35" s="59" t="s">
        <v>15</v>
      </c>
      <c r="V35" s="56">
        <v>1230194</v>
      </c>
      <c r="W35" s="58" t="s">
        <v>15</v>
      </c>
      <c r="X35" s="59" t="s">
        <v>15</v>
      </c>
      <c r="Y35" s="60">
        <v>1230194</v>
      </c>
    </row>
    <row r="36" spans="1:25" ht="13.5" customHeight="1" x14ac:dyDescent="0.15">
      <c r="A36" s="51"/>
      <c r="B36" s="52"/>
      <c r="C36" s="52" t="s">
        <v>157</v>
      </c>
      <c r="D36" s="52"/>
      <c r="E36" s="52"/>
      <c r="F36" s="52"/>
      <c r="G36" s="41">
        <v>1010223</v>
      </c>
      <c r="H36" s="53" t="s">
        <v>15</v>
      </c>
      <c r="I36" s="54">
        <v>1010223</v>
      </c>
      <c r="J36" s="54" t="s">
        <v>15</v>
      </c>
      <c r="K36" s="57">
        <v>1010223</v>
      </c>
      <c r="L36" s="55">
        <v>0</v>
      </c>
      <c r="M36" s="136">
        <v>0</v>
      </c>
      <c r="N36" s="136">
        <v>0</v>
      </c>
      <c r="O36" s="136">
        <v>0</v>
      </c>
      <c r="P36" s="136">
        <v>0</v>
      </c>
      <c r="Q36" s="53">
        <v>46800</v>
      </c>
      <c r="R36" s="58" t="s">
        <v>15</v>
      </c>
      <c r="S36" s="136" t="s">
        <v>15</v>
      </c>
      <c r="T36" s="136">
        <v>174000</v>
      </c>
      <c r="U36" s="59">
        <v>544</v>
      </c>
      <c r="V36" s="56">
        <v>1231567</v>
      </c>
      <c r="W36" s="58" t="s">
        <v>15</v>
      </c>
      <c r="X36" s="59" t="s">
        <v>15</v>
      </c>
      <c r="Y36" s="60">
        <v>1231567</v>
      </c>
    </row>
    <row r="37" spans="1:25" ht="13.5" customHeight="1" x14ac:dyDescent="0.15">
      <c r="A37" s="51"/>
      <c r="B37" s="52"/>
      <c r="C37" s="52" t="s">
        <v>158</v>
      </c>
      <c r="D37" s="52"/>
      <c r="E37" s="52"/>
      <c r="F37" s="52"/>
      <c r="G37" s="41">
        <v>383337</v>
      </c>
      <c r="H37" s="53" t="s">
        <v>15</v>
      </c>
      <c r="I37" s="54">
        <v>383337</v>
      </c>
      <c r="J37" s="54" t="s">
        <v>15</v>
      </c>
      <c r="K37" s="57">
        <v>383337</v>
      </c>
      <c r="L37" s="55">
        <v>0</v>
      </c>
      <c r="M37" s="136">
        <v>0</v>
      </c>
      <c r="N37" s="136">
        <v>0</v>
      </c>
      <c r="O37" s="136">
        <v>0</v>
      </c>
      <c r="P37" s="136">
        <v>0</v>
      </c>
      <c r="Q37" s="53">
        <v>0</v>
      </c>
      <c r="R37" s="58" t="s">
        <v>15</v>
      </c>
      <c r="S37" s="136" t="s">
        <v>15</v>
      </c>
      <c r="T37" s="136" t="s">
        <v>15</v>
      </c>
      <c r="U37" s="59" t="s">
        <v>15</v>
      </c>
      <c r="V37" s="56">
        <v>383337</v>
      </c>
      <c r="W37" s="58" t="s">
        <v>15</v>
      </c>
      <c r="X37" s="59" t="s">
        <v>15</v>
      </c>
      <c r="Y37" s="60">
        <v>383337</v>
      </c>
    </row>
    <row r="38" spans="1:25" ht="13.5" customHeight="1" x14ac:dyDescent="0.15">
      <c r="A38" s="51"/>
      <c r="B38" s="52"/>
      <c r="C38" s="52" t="s">
        <v>159</v>
      </c>
      <c r="D38" s="52"/>
      <c r="E38" s="52"/>
      <c r="F38" s="52"/>
      <c r="G38" s="41">
        <v>581711</v>
      </c>
      <c r="H38" s="53" t="s">
        <v>15</v>
      </c>
      <c r="I38" s="54">
        <v>581711</v>
      </c>
      <c r="J38" s="54" t="s">
        <v>15</v>
      </c>
      <c r="K38" s="57">
        <v>581711</v>
      </c>
      <c r="L38" s="55">
        <v>0</v>
      </c>
      <c r="M38" s="136">
        <v>95367</v>
      </c>
      <c r="N38" s="136">
        <v>0</v>
      </c>
      <c r="O38" s="136">
        <v>1555</v>
      </c>
      <c r="P38" s="136">
        <v>900</v>
      </c>
      <c r="Q38" s="53">
        <v>0</v>
      </c>
      <c r="R38" s="58" t="s">
        <v>15</v>
      </c>
      <c r="S38" s="136" t="s">
        <v>15</v>
      </c>
      <c r="T38" s="136" t="s">
        <v>15</v>
      </c>
      <c r="U38" s="59" t="s">
        <v>15</v>
      </c>
      <c r="V38" s="56">
        <v>679533</v>
      </c>
      <c r="W38" s="58" t="s">
        <v>15</v>
      </c>
      <c r="X38" s="59">
        <v>-5467</v>
      </c>
      <c r="Y38" s="60">
        <v>674066</v>
      </c>
    </row>
    <row r="39" spans="1:25" ht="13.5" customHeight="1" x14ac:dyDescent="0.15">
      <c r="A39" s="67"/>
      <c r="B39" s="68"/>
      <c r="C39" s="68" t="s">
        <v>146</v>
      </c>
      <c r="D39" s="68"/>
      <c r="E39" s="68"/>
      <c r="F39" s="68"/>
      <c r="G39" s="120">
        <v>110500</v>
      </c>
      <c r="H39" s="70" t="s">
        <v>15</v>
      </c>
      <c r="I39" s="71">
        <v>110500</v>
      </c>
      <c r="J39" s="71" t="s">
        <v>15</v>
      </c>
      <c r="K39" s="74">
        <v>110500</v>
      </c>
      <c r="L39" s="72">
        <v>563390</v>
      </c>
      <c r="M39" s="137">
        <v>191764</v>
      </c>
      <c r="N39" s="137">
        <v>0</v>
      </c>
      <c r="O39" s="137">
        <v>343536</v>
      </c>
      <c r="P39" s="137">
        <v>6048</v>
      </c>
      <c r="Q39" s="70">
        <v>0</v>
      </c>
      <c r="R39" s="69" t="s">
        <v>15</v>
      </c>
      <c r="S39" s="137" t="s">
        <v>15</v>
      </c>
      <c r="T39" s="137" t="s">
        <v>15</v>
      </c>
      <c r="U39" s="75" t="s">
        <v>15</v>
      </c>
      <c r="V39" s="73">
        <v>1215238</v>
      </c>
      <c r="W39" s="69" t="s">
        <v>15</v>
      </c>
      <c r="X39" s="75">
        <v>-1111833</v>
      </c>
      <c r="Y39" s="76">
        <v>103404</v>
      </c>
    </row>
    <row r="40" spans="1:25" ht="13.5" customHeight="1" x14ac:dyDescent="0.15">
      <c r="A40" s="77" t="s">
        <v>160</v>
      </c>
      <c r="B40" s="78"/>
      <c r="C40" s="78"/>
      <c r="D40" s="78"/>
      <c r="E40" s="78"/>
      <c r="F40" s="78"/>
      <c r="G40" s="41">
        <v>-1826111</v>
      </c>
      <c r="H40" s="42" t="s">
        <v>15</v>
      </c>
      <c r="I40" s="43">
        <v>-1826111</v>
      </c>
      <c r="J40" s="43" t="s">
        <v>15</v>
      </c>
      <c r="K40" s="79">
        <v>-1826111</v>
      </c>
      <c r="L40" s="44">
        <v>-264658</v>
      </c>
      <c r="M40" s="135">
        <v>-151432</v>
      </c>
      <c r="N40" s="135">
        <v>20254</v>
      </c>
      <c r="O40" s="135">
        <v>-1535151</v>
      </c>
      <c r="P40" s="135">
        <v>1069</v>
      </c>
      <c r="Q40" s="42">
        <v>-99667</v>
      </c>
      <c r="R40" s="41" t="s">
        <v>15</v>
      </c>
      <c r="S40" s="135" t="s">
        <v>15</v>
      </c>
      <c r="T40" s="135" t="s">
        <v>15</v>
      </c>
      <c r="U40" s="80" t="s">
        <v>15</v>
      </c>
      <c r="V40" s="45">
        <v>-3855697</v>
      </c>
      <c r="W40" s="41">
        <v>-32353</v>
      </c>
      <c r="X40" s="80">
        <v>-447</v>
      </c>
      <c r="Y40" s="50">
        <v>-3888497</v>
      </c>
    </row>
    <row r="41" spans="1:25" ht="13.5" customHeight="1" x14ac:dyDescent="0.15">
      <c r="A41" s="51"/>
      <c r="B41" s="52" t="s">
        <v>161</v>
      </c>
      <c r="C41" s="52"/>
      <c r="D41" s="52"/>
      <c r="E41" s="52"/>
      <c r="F41" s="52"/>
      <c r="G41" s="41">
        <v>6767952</v>
      </c>
      <c r="H41" s="53" t="s">
        <v>15</v>
      </c>
      <c r="I41" s="54">
        <v>6767952</v>
      </c>
      <c r="J41" s="54" t="s">
        <v>15</v>
      </c>
      <c r="K41" s="57">
        <v>6767952</v>
      </c>
      <c r="L41" s="55">
        <v>940858</v>
      </c>
      <c r="M41" s="136">
        <v>797032</v>
      </c>
      <c r="N41" s="136">
        <v>51446</v>
      </c>
      <c r="O41" s="136">
        <v>2819151</v>
      </c>
      <c r="P41" s="136">
        <v>89431</v>
      </c>
      <c r="Q41" s="53">
        <v>99667</v>
      </c>
      <c r="R41" s="58" t="s">
        <v>15</v>
      </c>
      <c r="S41" s="136" t="s">
        <v>15</v>
      </c>
      <c r="T41" s="136" t="s">
        <v>15</v>
      </c>
      <c r="U41" s="59" t="s">
        <v>15</v>
      </c>
      <c r="V41" s="56">
        <v>11565538</v>
      </c>
      <c r="W41" s="58" t="s">
        <v>15</v>
      </c>
      <c r="X41" s="59" t="s">
        <v>15</v>
      </c>
      <c r="Y41" s="60">
        <v>11565538</v>
      </c>
    </row>
    <row r="42" spans="1:25" ht="13.5" customHeight="1" x14ac:dyDescent="0.15">
      <c r="A42" s="51"/>
      <c r="B42" s="52"/>
      <c r="C42" s="52" t="s">
        <v>162</v>
      </c>
      <c r="D42" s="52"/>
      <c r="E42" s="52"/>
      <c r="F42" s="52"/>
      <c r="G42" s="41">
        <v>6760467</v>
      </c>
      <c r="H42" s="53" t="s">
        <v>15</v>
      </c>
      <c r="I42" s="54">
        <v>6760467</v>
      </c>
      <c r="J42" s="54" t="s">
        <v>15</v>
      </c>
      <c r="K42" s="57">
        <v>6760467</v>
      </c>
      <c r="L42" s="55">
        <v>928145</v>
      </c>
      <c r="M42" s="136">
        <v>797032</v>
      </c>
      <c r="N42" s="136">
        <v>51446</v>
      </c>
      <c r="O42" s="136">
        <v>2755151</v>
      </c>
      <c r="P42" s="136">
        <v>89431</v>
      </c>
      <c r="Q42" s="53">
        <v>46800</v>
      </c>
      <c r="R42" s="58" t="s">
        <v>15</v>
      </c>
      <c r="S42" s="136" t="s">
        <v>15</v>
      </c>
      <c r="T42" s="136" t="s">
        <v>15</v>
      </c>
      <c r="U42" s="59" t="s">
        <v>15</v>
      </c>
      <c r="V42" s="56">
        <v>11428473</v>
      </c>
      <c r="W42" s="58" t="s">
        <v>15</v>
      </c>
      <c r="X42" s="59" t="s">
        <v>15</v>
      </c>
      <c r="Y42" s="60">
        <v>11428473</v>
      </c>
    </row>
    <row r="43" spans="1:25" ht="13.5" customHeight="1" x14ac:dyDescent="0.15">
      <c r="A43" s="51"/>
      <c r="B43" s="52"/>
      <c r="C43" s="52" t="s">
        <v>137</v>
      </c>
      <c r="D43" s="52"/>
      <c r="E43" s="52"/>
      <c r="F43" s="52"/>
      <c r="G43" s="41">
        <v>7485</v>
      </c>
      <c r="H43" s="53" t="s">
        <v>15</v>
      </c>
      <c r="I43" s="54">
        <v>7485</v>
      </c>
      <c r="J43" s="54" t="s">
        <v>15</v>
      </c>
      <c r="K43" s="57">
        <v>7485</v>
      </c>
      <c r="L43" s="55">
        <v>12713</v>
      </c>
      <c r="M43" s="136">
        <v>0</v>
      </c>
      <c r="N43" s="136">
        <v>0</v>
      </c>
      <c r="O43" s="136">
        <v>64000</v>
      </c>
      <c r="P43" s="136">
        <v>0</v>
      </c>
      <c r="Q43" s="53">
        <v>52867</v>
      </c>
      <c r="R43" s="58" t="s">
        <v>15</v>
      </c>
      <c r="S43" s="136" t="s">
        <v>15</v>
      </c>
      <c r="T43" s="136" t="s">
        <v>15</v>
      </c>
      <c r="U43" s="59" t="s">
        <v>15</v>
      </c>
      <c r="V43" s="56">
        <v>137065</v>
      </c>
      <c r="W43" s="58" t="s">
        <v>15</v>
      </c>
      <c r="X43" s="59" t="s">
        <v>15</v>
      </c>
      <c r="Y43" s="60">
        <v>137065</v>
      </c>
    </row>
    <row r="44" spans="1:25" ht="13.5" customHeight="1" x14ac:dyDescent="0.15">
      <c r="A44" s="51"/>
      <c r="B44" s="52" t="s">
        <v>163</v>
      </c>
      <c r="C44" s="52"/>
      <c r="D44" s="52"/>
      <c r="E44" s="52"/>
      <c r="F44" s="52"/>
      <c r="G44" s="41">
        <v>4941841</v>
      </c>
      <c r="H44" s="53" t="s">
        <v>15</v>
      </c>
      <c r="I44" s="54">
        <v>4941841</v>
      </c>
      <c r="J44" s="54" t="s">
        <v>15</v>
      </c>
      <c r="K44" s="57">
        <v>4941841</v>
      </c>
      <c r="L44" s="55">
        <v>676200</v>
      </c>
      <c r="M44" s="136">
        <v>645600</v>
      </c>
      <c r="N44" s="136">
        <v>71700</v>
      </c>
      <c r="O44" s="136">
        <v>1284000</v>
      </c>
      <c r="P44" s="136">
        <v>90500</v>
      </c>
      <c r="Q44" s="53">
        <v>0</v>
      </c>
      <c r="R44" s="58" t="s">
        <v>15</v>
      </c>
      <c r="S44" s="136" t="s">
        <v>15</v>
      </c>
      <c r="T44" s="136" t="s">
        <v>15</v>
      </c>
      <c r="U44" s="59" t="s">
        <v>15</v>
      </c>
      <c r="V44" s="56">
        <v>7709841</v>
      </c>
      <c r="W44" s="58">
        <v>-32353</v>
      </c>
      <c r="X44" s="59">
        <v>-447</v>
      </c>
      <c r="Y44" s="60">
        <v>7677041</v>
      </c>
    </row>
    <row r="45" spans="1:25" ht="13.5" customHeight="1" x14ac:dyDescent="0.15">
      <c r="A45" s="51"/>
      <c r="B45" s="52"/>
      <c r="C45" s="52" t="s">
        <v>164</v>
      </c>
      <c r="D45" s="52"/>
      <c r="E45" s="52"/>
      <c r="F45" s="52"/>
      <c r="G45" s="41">
        <v>4941841</v>
      </c>
      <c r="H45" s="53" t="s">
        <v>15</v>
      </c>
      <c r="I45" s="54">
        <v>4941841</v>
      </c>
      <c r="J45" s="54" t="s">
        <v>15</v>
      </c>
      <c r="K45" s="57">
        <v>4941841</v>
      </c>
      <c r="L45" s="55">
        <v>676200</v>
      </c>
      <c r="M45" s="136">
        <v>612800</v>
      </c>
      <c r="N45" s="136">
        <v>71700</v>
      </c>
      <c r="O45" s="136">
        <v>1284000</v>
      </c>
      <c r="P45" s="136">
        <v>90500</v>
      </c>
      <c r="Q45" s="53">
        <v>0</v>
      </c>
      <c r="R45" s="58" t="s">
        <v>15</v>
      </c>
      <c r="S45" s="136" t="s">
        <v>15</v>
      </c>
      <c r="T45" s="136" t="s">
        <v>15</v>
      </c>
      <c r="U45" s="59" t="s">
        <v>15</v>
      </c>
      <c r="V45" s="56">
        <v>7677041</v>
      </c>
      <c r="W45" s="58" t="s">
        <v>15</v>
      </c>
      <c r="X45" s="59" t="s">
        <v>15</v>
      </c>
      <c r="Y45" s="60">
        <v>7677041</v>
      </c>
    </row>
    <row r="46" spans="1:25" ht="13.5" customHeight="1" x14ac:dyDescent="0.15">
      <c r="A46" s="65"/>
      <c r="B46" s="66"/>
      <c r="C46" s="66" t="s">
        <v>146</v>
      </c>
      <c r="D46" s="66"/>
      <c r="E46" s="66"/>
      <c r="F46" s="66"/>
      <c r="G46" s="105" t="s">
        <v>15</v>
      </c>
      <c r="H46" s="106" t="s">
        <v>15</v>
      </c>
      <c r="I46" s="107" t="s">
        <v>15</v>
      </c>
      <c r="J46" s="107" t="s">
        <v>15</v>
      </c>
      <c r="K46" s="109" t="s">
        <v>15</v>
      </c>
      <c r="L46" s="112">
        <v>0</v>
      </c>
      <c r="M46" s="159">
        <v>32800</v>
      </c>
      <c r="N46" s="159">
        <v>0</v>
      </c>
      <c r="O46" s="159">
        <v>0</v>
      </c>
      <c r="P46" s="159">
        <v>0</v>
      </c>
      <c r="Q46" s="106">
        <v>0</v>
      </c>
      <c r="R46" s="110" t="s">
        <v>15</v>
      </c>
      <c r="S46" s="159" t="s">
        <v>15</v>
      </c>
      <c r="T46" s="159" t="s">
        <v>15</v>
      </c>
      <c r="U46" s="111" t="s">
        <v>15</v>
      </c>
      <c r="V46" s="108">
        <v>32800</v>
      </c>
      <c r="W46" s="110">
        <v>-32353</v>
      </c>
      <c r="X46" s="111">
        <v>-447</v>
      </c>
      <c r="Y46" s="113">
        <v>0</v>
      </c>
    </row>
    <row r="47" spans="1:25" ht="13.5" customHeight="1" x14ac:dyDescent="0.15">
      <c r="A47" s="114" t="s">
        <v>165</v>
      </c>
      <c r="B47" s="115"/>
      <c r="C47" s="115"/>
      <c r="D47" s="115"/>
      <c r="E47" s="115"/>
      <c r="F47" s="115"/>
      <c r="G47" s="47">
        <v>-284671</v>
      </c>
      <c r="H47" s="116">
        <v>-101</v>
      </c>
      <c r="I47" s="49">
        <v>-284772</v>
      </c>
      <c r="J47" s="49">
        <v>0</v>
      </c>
      <c r="K47" s="46">
        <v>-284772</v>
      </c>
      <c r="L47" s="118">
        <v>480640</v>
      </c>
      <c r="M47" s="160">
        <v>278573</v>
      </c>
      <c r="N47" s="160">
        <v>-93156</v>
      </c>
      <c r="O47" s="160">
        <v>759303</v>
      </c>
      <c r="P47" s="160">
        <v>134119</v>
      </c>
      <c r="Q47" s="116">
        <v>110447</v>
      </c>
      <c r="R47" s="47">
        <v>243403</v>
      </c>
      <c r="S47" s="160">
        <v>1049</v>
      </c>
      <c r="T47" s="160">
        <v>-203341</v>
      </c>
      <c r="U47" s="48">
        <v>-51</v>
      </c>
      <c r="V47" s="117">
        <v>1426216</v>
      </c>
      <c r="W47" s="47">
        <v>8481</v>
      </c>
      <c r="X47" s="48">
        <v>0</v>
      </c>
      <c r="Y47" s="119">
        <v>1434697</v>
      </c>
    </row>
    <row r="48" spans="1:25" ht="13.5" customHeight="1" x14ac:dyDescent="0.15">
      <c r="A48" s="51" t="s">
        <v>166</v>
      </c>
      <c r="B48" s="52"/>
      <c r="C48" s="52"/>
      <c r="D48" s="52"/>
      <c r="E48" s="52"/>
      <c r="F48" s="52"/>
      <c r="G48" s="41">
        <v>1853662</v>
      </c>
      <c r="H48" s="53">
        <v>389</v>
      </c>
      <c r="I48" s="54">
        <v>1854051</v>
      </c>
      <c r="J48" s="54" t="s">
        <v>15</v>
      </c>
      <c r="K48" s="57">
        <v>1854051</v>
      </c>
      <c r="L48" s="55">
        <v>690154</v>
      </c>
      <c r="M48" s="136">
        <v>2495020</v>
      </c>
      <c r="N48" s="136">
        <v>1159861</v>
      </c>
      <c r="O48" s="136">
        <v>418167</v>
      </c>
      <c r="P48" s="136">
        <v>930435</v>
      </c>
      <c r="Q48" s="53">
        <v>1215101</v>
      </c>
      <c r="R48" s="58">
        <v>1231633</v>
      </c>
      <c r="S48" s="136">
        <v>3469</v>
      </c>
      <c r="T48" s="136">
        <v>315519</v>
      </c>
      <c r="U48" s="59">
        <v>127</v>
      </c>
      <c r="V48" s="56">
        <v>10313535</v>
      </c>
      <c r="W48" s="58">
        <v>-197200</v>
      </c>
      <c r="X48" s="59" t="s">
        <v>15</v>
      </c>
      <c r="Y48" s="60">
        <v>10116335</v>
      </c>
    </row>
    <row r="49" spans="1:25" ht="13.5" customHeight="1" x14ac:dyDescent="0.15">
      <c r="A49" s="51" t="s">
        <v>127</v>
      </c>
      <c r="B49" s="52"/>
      <c r="C49" s="52"/>
      <c r="D49" s="52"/>
      <c r="E49" s="52"/>
      <c r="F49" s="52"/>
      <c r="G49" s="153"/>
      <c r="H49" s="152"/>
      <c r="I49" s="157"/>
      <c r="J49" s="157"/>
      <c r="K49" s="158"/>
      <c r="L49" s="150"/>
      <c r="M49" s="151"/>
      <c r="N49" s="151"/>
      <c r="O49" s="151"/>
      <c r="P49" s="151"/>
      <c r="Q49" s="152"/>
      <c r="R49" s="153"/>
      <c r="S49" s="151"/>
      <c r="T49" s="151"/>
      <c r="U49" s="152"/>
      <c r="V49" s="157"/>
      <c r="W49" s="153"/>
      <c r="X49" s="152"/>
      <c r="Y49" s="171"/>
    </row>
    <row r="50" spans="1:25" ht="13.5" customHeight="1" x14ac:dyDescent="0.15">
      <c r="A50" s="67" t="s">
        <v>167</v>
      </c>
      <c r="B50" s="68"/>
      <c r="C50" s="68"/>
      <c r="D50" s="68"/>
      <c r="E50" s="68"/>
      <c r="F50" s="68"/>
      <c r="G50" s="120">
        <v>1568992</v>
      </c>
      <c r="H50" s="70">
        <v>288</v>
      </c>
      <c r="I50" s="71">
        <v>1569280</v>
      </c>
      <c r="J50" s="71">
        <v>0</v>
      </c>
      <c r="K50" s="74">
        <v>1569280</v>
      </c>
      <c r="L50" s="72">
        <v>1170794</v>
      </c>
      <c r="M50" s="137">
        <v>2773593</v>
      </c>
      <c r="N50" s="137">
        <v>1066705</v>
      </c>
      <c r="O50" s="137">
        <v>1177470</v>
      </c>
      <c r="P50" s="137">
        <v>1064554</v>
      </c>
      <c r="Q50" s="70">
        <v>1325548</v>
      </c>
      <c r="R50" s="69">
        <v>1475036</v>
      </c>
      <c r="S50" s="137">
        <v>4519</v>
      </c>
      <c r="T50" s="137">
        <v>112178</v>
      </c>
      <c r="U50" s="75">
        <v>76</v>
      </c>
      <c r="V50" s="73">
        <v>11739751</v>
      </c>
      <c r="W50" s="69">
        <v>-188719</v>
      </c>
      <c r="X50" s="75">
        <v>0</v>
      </c>
      <c r="Y50" s="76">
        <v>11551032</v>
      </c>
    </row>
    <row r="51" spans="1:25" ht="13.5" customHeight="1" x14ac:dyDescent="0.15">
      <c r="A51" s="77" t="s">
        <v>168</v>
      </c>
      <c r="B51" s="78"/>
      <c r="C51" s="78"/>
      <c r="D51" s="78"/>
      <c r="E51" s="78"/>
      <c r="F51" s="78"/>
      <c r="G51" s="41">
        <v>212093</v>
      </c>
      <c r="H51" s="42" t="s">
        <v>15</v>
      </c>
      <c r="I51" s="43">
        <v>212093</v>
      </c>
      <c r="J51" s="43" t="s">
        <v>15</v>
      </c>
      <c r="K51" s="79">
        <v>212093</v>
      </c>
      <c r="L51" s="44">
        <v>0</v>
      </c>
      <c r="M51" s="135">
        <v>0</v>
      </c>
      <c r="N51" s="135">
        <v>0</v>
      </c>
      <c r="O51" s="135">
        <v>0</v>
      </c>
      <c r="P51" s="135">
        <v>0</v>
      </c>
      <c r="Q51" s="42">
        <v>0</v>
      </c>
      <c r="R51" s="41" t="s">
        <v>15</v>
      </c>
      <c r="S51" s="135" t="s">
        <v>15</v>
      </c>
      <c r="T51" s="135" t="s">
        <v>15</v>
      </c>
      <c r="U51" s="80" t="s">
        <v>15</v>
      </c>
      <c r="V51" s="45">
        <v>212093</v>
      </c>
      <c r="W51" s="41" t="s">
        <v>15</v>
      </c>
      <c r="X51" s="80" t="s">
        <v>15</v>
      </c>
      <c r="Y51" s="50">
        <v>212093</v>
      </c>
    </row>
    <row r="52" spans="1:25" ht="13.5" customHeight="1" x14ac:dyDescent="0.15">
      <c r="A52" s="51" t="s">
        <v>169</v>
      </c>
      <c r="B52" s="52"/>
      <c r="C52" s="52"/>
      <c r="D52" s="52"/>
      <c r="E52" s="52"/>
      <c r="F52" s="52"/>
      <c r="G52" s="41">
        <v>-44311</v>
      </c>
      <c r="H52" s="53" t="s">
        <v>15</v>
      </c>
      <c r="I52" s="54">
        <v>-44311</v>
      </c>
      <c r="J52" s="54" t="s">
        <v>15</v>
      </c>
      <c r="K52" s="57">
        <v>-44311</v>
      </c>
      <c r="L52" s="55">
        <v>0</v>
      </c>
      <c r="M52" s="136">
        <v>0</v>
      </c>
      <c r="N52" s="136">
        <v>0</v>
      </c>
      <c r="O52" s="136">
        <v>0</v>
      </c>
      <c r="P52" s="136">
        <v>0</v>
      </c>
      <c r="Q52" s="53">
        <v>0</v>
      </c>
      <c r="R52" s="58" t="s">
        <v>15</v>
      </c>
      <c r="S52" s="136" t="s">
        <v>15</v>
      </c>
      <c r="T52" s="136" t="s">
        <v>15</v>
      </c>
      <c r="U52" s="59" t="s">
        <v>15</v>
      </c>
      <c r="V52" s="56">
        <v>-44311</v>
      </c>
      <c r="W52" s="58" t="s">
        <v>15</v>
      </c>
      <c r="X52" s="59" t="s">
        <v>15</v>
      </c>
      <c r="Y52" s="60">
        <v>-44311</v>
      </c>
    </row>
    <row r="53" spans="1:25" ht="13.5" customHeight="1" x14ac:dyDescent="0.15">
      <c r="A53" s="51" t="s">
        <v>170</v>
      </c>
      <c r="B53" s="52"/>
      <c r="C53" s="52"/>
      <c r="D53" s="52"/>
      <c r="E53" s="52"/>
      <c r="F53" s="52"/>
      <c r="G53" s="41">
        <v>167782</v>
      </c>
      <c r="H53" s="53" t="s">
        <v>15</v>
      </c>
      <c r="I53" s="54">
        <v>167782</v>
      </c>
      <c r="J53" s="54" t="s">
        <v>15</v>
      </c>
      <c r="K53" s="57">
        <v>167782</v>
      </c>
      <c r="L53" s="55">
        <v>0</v>
      </c>
      <c r="M53" s="136">
        <v>0</v>
      </c>
      <c r="N53" s="136">
        <v>0</v>
      </c>
      <c r="O53" s="136">
        <v>0</v>
      </c>
      <c r="P53" s="136">
        <v>0</v>
      </c>
      <c r="Q53" s="53">
        <v>0</v>
      </c>
      <c r="R53" s="58" t="s">
        <v>15</v>
      </c>
      <c r="S53" s="136" t="s">
        <v>15</v>
      </c>
      <c r="T53" s="136" t="s">
        <v>15</v>
      </c>
      <c r="U53" s="59" t="s">
        <v>15</v>
      </c>
      <c r="V53" s="56">
        <v>167782</v>
      </c>
      <c r="W53" s="58" t="s">
        <v>15</v>
      </c>
      <c r="X53" s="59" t="s">
        <v>15</v>
      </c>
      <c r="Y53" s="60">
        <v>167782</v>
      </c>
    </row>
    <row r="54" spans="1:25" ht="13.5" customHeight="1" thickBot="1" x14ac:dyDescent="0.2">
      <c r="A54" s="81" t="s">
        <v>171</v>
      </c>
      <c r="B54" s="82"/>
      <c r="C54" s="82"/>
      <c r="D54" s="82"/>
      <c r="E54" s="82"/>
      <c r="F54" s="82"/>
      <c r="G54" s="83">
        <v>1736774</v>
      </c>
      <c r="H54" s="84">
        <v>288</v>
      </c>
      <c r="I54" s="85">
        <v>1737062</v>
      </c>
      <c r="J54" s="85">
        <v>0</v>
      </c>
      <c r="K54" s="88">
        <v>1737062</v>
      </c>
      <c r="L54" s="86">
        <v>1170794</v>
      </c>
      <c r="M54" s="138">
        <v>2773593</v>
      </c>
      <c r="N54" s="138">
        <v>1066705</v>
      </c>
      <c r="O54" s="138">
        <v>1177470</v>
      </c>
      <c r="P54" s="138">
        <v>1064554</v>
      </c>
      <c r="Q54" s="84">
        <v>1325548</v>
      </c>
      <c r="R54" s="83">
        <v>1475036</v>
      </c>
      <c r="S54" s="138">
        <v>4519</v>
      </c>
      <c r="T54" s="138">
        <v>112178</v>
      </c>
      <c r="U54" s="89">
        <v>76</v>
      </c>
      <c r="V54" s="87">
        <v>11907533</v>
      </c>
      <c r="W54" s="83">
        <v>-188719</v>
      </c>
      <c r="X54" s="89">
        <v>0</v>
      </c>
      <c r="Y54" s="90">
        <v>11718814</v>
      </c>
    </row>
  </sheetData>
  <mergeCells count="15">
    <mergeCell ref="L4:Q4"/>
    <mergeCell ref="R4:U4"/>
    <mergeCell ref="H3:H5"/>
    <mergeCell ref="V3:V5"/>
    <mergeCell ref="W3:W5"/>
    <mergeCell ref="X3:X5"/>
    <mergeCell ref="Y3:Y5"/>
    <mergeCell ref="A2:E5"/>
    <mergeCell ref="G2:K2"/>
    <mergeCell ref="L2:Y2"/>
    <mergeCell ref="G3:G5"/>
    <mergeCell ref="I3:I5"/>
    <mergeCell ref="J3:J5"/>
    <mergeCell ref="K3:K5"/>
    <mergeCell ref="L3:U3"/>
  </mergeCells>
  <phoneticPr fontId="2"/>
  <printOptions horizontalCentered="1"/>
  <pageMargins left="0.19685039370078741" right="0.19685039370078741" top="0.39370078740157477" bottom="0.39370078740157477" header="0.51181102362204722" footer="0.51181102362204722"/>
  <pageSetup paperSize="8" scale="47" orientation="landscape" r:id="rId1"/>
  <headerFooter alignWithMargins="0"/>
  <colBreaks count="2" manualBreakCount="2">
    <brk id="1" max="1048575" man="1"/>
    <brk id="2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精算表ワークシート（貸借対照表）</vt:lpstr>
      <vt:lpstr>精算表ワークシート（行政コスト計算書）</vt:lpstr>
      <vt:lpstr>精算表ワークシート（純資産変動計算書）</vt:lpstr>
      <vt:lpstr>精算表ワークシート（資金収支計算書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7652 齋藤槙吾</dc:creator>
  <cp:lastModifiedBy> </cp:lastModifiedBy>
  <dcterms:created xsi:type="dcterms:W3CDTF">2019-03-28T13:05:57Z</dcterms:created>
  <dcterms:modified xsi:type="dcterms:W3CDTF">2019-03-28T13:12:35Z</dcterms:modified>
</cp:coreProperties>
</file>